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2_健康づくりＧ\95_福祉統計（R4からたばこ対策G所管）\R5\07_HP\05\"/>
    </mc:Choice>
  </mc:AlternateContent>
  <bookViews>
    <workbookView xWindow="0" yWindow="0" windowWidth="17988" windowHeight="7956"/>
  </bookViews>
  <sheets>
    <sheet name="5-18" sheetId="1" r:id="rId1"/>
  </sheets>
  <externalReferences>
    <externalReference r:id="rId2"/>
    <externalReference r:id="rId3"/>
    <externalReference r:id="rId4"/>
    <externalReference r:id="rId5"/>
  </externalReferences>
  <definedNames>
    <definedName name="_8">#REF!</definedName>
    <definedName name="_A">'[2]2-(1)-1'!#REF!</definedName>
    <definedName name="_C">'[2]2-(1)-1'!#REF!</definedName>
    <definedName name="_E">'[2]2-(1)-1'!#REF!</definedName>
    <definedName name="_Fill" hidden="1">'[3]重心自閉(H11)'!#REF!</definedName>
    <definedName name="_hh" hidden="1">'[3]重心自閉(H11)'!#REF!</definedName>
    <definedName name="_Key1" hidden="1">#REF!</definedName>
    <definedName name="_M">'[2]2-(1)-1'!#REF!</definedName>
    <definedName name="_N">'[2]2-(1)-1'!#REF!</definedName>
    <definedName name="_o">#REF!</definedName>
    <definedName name="_Order1" hidden="1">255</definedName>
    <definedName name="_P">'[2]2-(1)-1'!#REF!</definedName>
    <definedName name="_Q">'[2]2-(1)-1'!#REF!</definedName>
    <definedName name="_R">'[2]2-(1)-1'!#REF!</definedName>
    <definedName name="_Sort" hidden="1">'[3]重心自閉(H11)'!#REF!</definedName>
    <definedName name="_T">#REF!</definedName>
    <definedName name="_U">'[2]2-(1)-1'!#REF!</definedName>
    <definedName name="_X">'[2]2-(1)-1'!#REF!</definedName>
    <definedName name="\a">#REF!</definedName>
    <definedName name="\i">#REF!</definedName>
    <definedName name="\s">#REF!</definedName>
    <definedName name="A">#N/A</definedName>
    <definedName name="_xlnm.Print_Area" localSheetId="0">'5-18'!$A$1:$AF$47</definedName>
    <definedName name="_xlnm.Print_Area">#REF!</definedName>
    <definedName name="Print_Area_MI">#REF!</definedName>
    <definedName name="table1">'[4]13表'!$E$13:$J$18</definedName>
    <definedName name="test1">'[4]13表'!$E$13:$H$17</definedName>
    <definedName name="あ">#REF!</definedName>
    <definedName name="し">#REF!</definedName>
    <definedName name="たかし">'[4]13表'!$E$13:$H$17</definedName>
    <definedName name="第_6_精神手帳交付">#REF!</definedName>
    <definedName name="第33_環境衛生.食品">#REF!</definedName>
    <definedName name="第34_医療監視">#REF!</definedName>
    <definedName name="第35_医療法人">#REF!</definedName>
    <definedName name="第46_薬局">#REF!</definedName>
    <definedName name="第47_薬事監視">#REF!</definedName>
    <definedName name="第48_毒劇物監視">#REF!</definedName>
    <definedName name="不明">#REF!</definedName>
    <definedName name="有名">#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46" i="1" l="1"/>
  <c r="C45" i="1"/>
  <c r="M44" i="1"/>
  <c r="L44" i="1"/>
  <c r="J44" i="1"/>
  <c r="I44" i="1"/>
  <c r="H44" i="1"/>
  <c r="G44" i="1"/>
  <c r="F44" i="1"/>
  <c r="E44" i="1"/>
  <c r="C44" i="1" s="1"/>
  <c r="D44" i="1"/>
  <c r="C43" i="1"/>
  <c r="C42" i="1"/>
  <c r="C41" i="1"/>
  <c r="C40" i="1"/>
  <c r="C39" i="1"/>
  <c r="M38" i="1"/>
  <c r="L38" i="1"/>
  <c r="J38" i="1"/>
  <c r="I38" i="1"/>
  <c r="H38" i="1"/>
  <c r="G38" i="1"/>
  <c r="F38" i="1"/>
  <c r="E38" i="1"/>
  <c r="D38" i="1"/>
  <c r="C38" i="1" s="1"/>
  <c r="C37" i="1"/>
  <c r="C36" i="1"/>
  <c r="C35" i="1"/>
  <c r="C34" i="1"/>
  <c r="C33" i="1"/>
  <c r="C32" i="1"/>
  <c r="M31" i="1"/>
  <c r="L31" i="1"/>
  <c r="J31" i="1"/>
  <c r="I31" i="1"/>
  <c r="H31" i="1"/>
  <c r="G31" i="1"/>
  <c r="F31" i="1"/>
  <c r="E31" i="1"/>
  <c r="D31" i="1"/>
  <c r="C31" i="1" s="1"/>
  <c r="C30" i="1"/>
  <c r="C29" i="1"/>
  <c r="C28" i="1"/>
  <c r="C27" i="1"/>
  <c r="M26" i="1"/>
  <c r="L26" i="1"/>
  <c r="J26" i="1"/>
  <c r="I26" i="1"/>
  <c r="H26" i="1"/>
  <c r="G26" i="1"/>
  <c r="F26" i="1"/>
  <c r="E26" i="1"/>
  <c r="D26" i="1"/>
  <c r="C26" i="1" s="1"/>
  <c r="C25" i="1"/>
  <c r="M24" i="1"/>
  <c r="L24" i="1"/>
  <c r="J24" i="1"/>
  <c r="I24" i="1"/>
  <c r="H24" i="1"/>
  <c r="G24" i="1"/>
  <c r="G9" i="1" s="1"/>
  <c r="G4" i="1" s="1"/>
  <c r="F24" i="1"/>
  <c r="E24" i="1"/>
  <c r="C24" i="1" s="1"/>
  <c r="D24" i="1"/>
  <c r="C23" i="1"/>
  <c r="C22" i="1"/>
  <c r="C21" i="1"/>
  <c r="M20" i="1"/>
  <c r="L20" i="1"/>
  <c r="J20" i="1"/>
  <c r="J9" i="1" s="1"/>
  <c r="J4" i="1" s="1"/>
  <c r="I20" i="1"/>
  <c r="H20" i="1"/>
  <c r="G20" i="1"/>
  <c r="F20" i="1"/>
  <c r="E20" i="1"/>
  <c r="D20" i="1"/>
  <c r="C20" i="1" s="1"/>
  <c r="C19" i="1"/>
  <c r="C18" i="1"/>
  <c r="M17" i="1"/>
  <c r="L17" i="1"/>
  <c r="J17" i="1"/>
  <c r="I17" i="1"/>
  <c r="H17" i="1"/>
  <c r="H9" i="1" s="1"/>
  <c r="H4" i="1" s="1"/>
  <c r="G17" i="1"/>
  <c r="F17" i="1"/>
  <c r="E17" i="1"/>
  <c r="D17" i="1"/>
  <c r="C17" i="1" s="1"/>
  <c r="C16" i="1"/>
  <c r="C15" i="1"/>
  <c r="C14" i="1"/>
  <c r="C13" i="1"/>
  <c r="M12" i="1"/>
  <c r="M9" i="1" s="1"/>
  <c r="M4" i="1" s="1"/>
  <c r="L12" i="1"/>
  <c r="J12" i="1"/>
  <c r="I12" i="1"/>
  <c r="H12" i="1"/>
  <c r="G12" i="1"/>
  <c r="F12" i="1"/>
  <c r="F9" i="1" s="1"/>
  <c r="F4" i="1" s="1"/>
  <c r="E12" i="1"/>
  <c r="D12" i="1"/>
  <c r="C12" i="1" s="1"/>
  <c r="C11" i="1"/>
  <c r="C10" i="1"/>
  <c r="L9" i="1"/>
  <c r="K9" i="1"/>
  <c r="K4" i="1" s="1"/>
  <c r="I9" i="1"/>
  <c r="I4" i="1" s="1"/>
  <c r="C8" i="1"/>
  <c r="C7" i="1"/>
  <c r="C6" i="1"/>
  <c r="C5" i="1"/>
  <c r="L4" i="1"/>
  <c r="D9" i="1" l="1"/>
  <c r="E9" i="1"/>
  <c r="E4" i="1" s="1"/>
  <c r="D4" i="1" l="1"/>
  <c r="C4" i="1" s="1"/>
  <c r="C9" i="1"/>
</calcChain>
</file>

<file path=xl/sharedStrings.xml><?xml version="1.0" encoding="utf-8"?>
<sst xmlns="http://schemas.openxmlformats.org/spreadsheetml/2006/main" count="142" uniqueCount="80">
  <si>
    <t>5-18表　身体障害者福祉法に基づく指定医師及び障害者総合支援法に基づく指定自立支援医療機関一覧</t>
    <rPh sb="22" eb="23">
      <t>オヨ</t>
    </rPh>
    <rPh sb="24" eb="26">
      <t>ショウガイ</t>
    </rPh>
    <rPh sb="26" eb="27">
      <t>シャ</t>
    </rPh>
    <rPh sb="27" eb="29">
      <t>ソウゴウ</t>
    </rPh>
    <rPh sb="29" eb="32">
      <t>シエンホウ</t>
    </rPh>
    <rPh sb="33" eb="34">
      <t>モト</t>
    </rPh>
    <rPh sb="36" eb="38">
      <t>シテイ</t>
    </rPh>
    <rPh sb="38" eb="40">
      <t>ジリツ</t>
    </rPh>
    <rPh sb="40" eb="42">
      <t>シエン</t>
    </rPh>
    <rPh sb="42" eb="44">
      <t>イリョウ</t>
    </rPh>
    <phoneticPr fontId="3"/>
  </si>
  <si>
    <t>令和５年3月31日現在（単位：医師は人、医療機関は件）</t>
    <rPh sb="3" eb="4">
      <t>ネン</t>
    </rPh>
    <phoneticPr fontId="3"/>
  </si>
  <si>
    <t>令和５年3月31日現在（単位：医師は人、医療機関は件）</t>
    <phoneticPr fontId="3"/>
  </si>
  <si>
    <t>保健福祉事務所及びセンター</t>
    <rPh sb="0" eb="2">
      <t>ホケン</t>
    </rPh>
    <rPh sb="2" eb="4">
      <t>フクシ</t>
    </rPh>
    <rPh sb="4" eb="6">
      <t>ジム</t>
    </rPh>
    <rPh sb="6" eb="7">
      <t>ショ</t>
    </rPh>
    <rPh sb="7" eb="8">
      <t>オヨ</t>
    </rPh>
    <phoneticPr fontId="3"/>
  </si>
  <si>
    <t>市町村名</t>
  </si>
  <si>
    <t>身体障害者福祉法第15条に基づく指定医師</t>
  </si>
  <si>
    <t>総合支援法第59条1項に基づく指定医療機関</t>
    <rPh sb="0" eb="2">
      <t>ソウゴウ</t>
    </rPh>
    <rPh sb="2" eb="4">
      <t>シエン</t>
    </rPh>
    <rPh sb="4" eb="5">
      <t>ホウ</t>
    </rPh>
    <phoneticPr fontId="3"/>
  </si>
  <si>
    <t>総数</t>
  </si>
  <si>
    <t>視覚障害</t>
  </si>
  <si>
    <t>聴覚・平衡音声・言語・そしゃく機能障害</t>
    <phoneticPr fontId="3"/>
  </si>
  <si>
    <t>肢体不自由</t>
    <phoneticPr fontId="3"/>
  </si>
  <si>
    <t>心臓機能障害</t>
    <phoneticPr fontId="3"/>
  </si>
  <si>
    <t>じん臓機能障害</t>
    <phoneticPr fontId="3"/>
  </si>
  <si>
    <t>呼吸器機能障害</t>
    <phoneticPr fontId="3"/>
  </si>
  <si>
    <t>ぼうこう又は直腸機能障害</t>
    <phoneticPr fontId="3"/>
  </si>
  <si>
    <t>小腸機能障害</t>
    <phoneticPr fontId="3"/>
  </si>
  <si>
    <t>免疫機能障害</t>
    <phoneticPr fontId="3"/>
  </si>
  <si>
    <t>肝臓機能障害</t>
    <phoneticPr fontId="3"/>
  </si>
  <si>
    <t>指定医療機関数（総数）</t>
    <rPh sb="8" eb="10">
      <t>ソウスウ</t>
    </rPh>
    <phoneticPr fontId="3"/>
  </si>
  <si>
    <t>整形外科に関する医療</t>
    <phoneticPr fontId="3"/>
  </si>
  <si>
    <t>眼科に関する医療</t>
    <phoneticPr fontId="3"/>
  </si>
  <si>
    <t>耳鼻咽喉科に関する医療</t>
    <phoneticPr fontId="3"/>
  </si>
  <si>
    <t>中枢神経に関する医療</t>
    <phoneticPr fontId="3"/>
  </si>
  <si>
    <t>脳神経外科に関する医療</t>
    <phoneticPr fontId="3"/>
  </si>
  <si>
    <t>心臓脈管外科に関する医療</t>
    <phoneticPr fontId="3"/>
  </si>
  <si>
    <t>腎臓に関する医療</t>
    <phoneticPr fontId="3"/>
  </si>
  <si>
    <t>口腔に関する医療</t>
    <phoneticPr fontId="3"/>
  </si>
  <si>
    <t>腎移植に関する医療</t>
    <phoneticPr fontId="3"/>
  </si>
  <si>
    <t>歯科矯正に関する医療</t>
    <phoneticPr fontId="3"/>
  </si>
  <si>
    <t>形成外科に関する医療</t>
    <phoneticPr fontId="3"/>
  </si>
  <si>
    <t>小腸に関する医療</t>
    <phoneticPr fontId="3"/>
  </si>
  <si>
    <t>免疫に関する医療</t>
    <phoneticPr fontId="3"/>
  </si>
  <si>
    <t>肝臓移植に関する医療</t>
    <phoneticPr fontId="3"/>
  </si>
  <si>
    <t>訪問看護ステーション</t>
    <phoneticPr fontId="3"/>
  </si>
  <si>
    <t>薬局数</t>
  </si>
  <si>
    <t>総計</t>
  </si>
  <si>
    <t>横浜市</t>
  </si>
  <si>
    <t>川崎市</t>
  </si>
  <si>
    <t>相模原市</t>
  </si>
  <si>
    <t>横須賀市</t>
  </si>
  <si>
    <t>政令市・中核市を除く県計</t>
    <phoneticPr fontId="3"/>
  </si>
  <si>
    <t>藤沢市</t>
  </si>
  <si>
    <t>茅ヶ崎市</t>
  </si>
  <si>
    <t>平塚</t>
    <rPh sb="0" eb="2">
      <t>ヒラツカ</t>
    </rPh>
    <phoneticPr fontId="3"/>
  </si>
  <si>
    <t>小計</t>
  </si>
  <si>
    <t>平塚市</t>
  </si>
  <si>
    <t>大磯町</t>
  </si>
  <si>
    <t>二宮町</t>
  </si>
  <si>
    <t>寒川町</t>
  </si>
  <si>
    <t>秦野</t>
    <rPh sb="0" eb="2">
      <t>ハダノ</t>
    </rPh>
    <phoneticPr fontId="3"/>
  </si>
  <si>
    <t>秦野市</t>
  </si>
  <si>
    <t>伊勢原市</t>
  </si>
  <si>
    <t>鎌倉</t>
    <rPh sb="0" eb="2">
      <t>カマクラ</t>
    </rPh>
    <phoneticPr fontId="3"/>
  </si>
  <si>
    <t>鎌倉市</t>
  </si>
  <si>
    <t>逗子市</t>
  </si>
  <si>
    <t>葉山町</t>
  </si>
  <si>
    <t>三崎</t>
    <rPh sb="0" eb="2">
      <t>ミサキ</t>
    </rPh>
    <phoneticPr fontId="3"/>
  </si>
  <si>
    <t>三浦市</t>
  </si>
  <si>
    <t>小田原</t>
    <rPh sb="0" eb="3">
      <t>オダワラ</t>
    </rPh>
    <phoneticPr fontId="3"/>
  </si>
  <si>
    <t>小田原市</t>
  </si>
  <si>
    <t>箱根町</t>
  </si>
  <si>
    <t>真鶴町</t>
  </si>
  <si>
    <t>湯河原町</t>
  </si>
  <si>
    <t>足柄上</t>
    <rPh sb="0" eb="3">
      <t>アシガラカミ</t>
    </rPh>
    <phoneticPr fontId="3"/>
  </si>
  <si>
    <t>南足柄市</t>
  </si>
  <si>
    <t>中井町</t>
  </si>
  <si>
    <t>大井町</t>
  </si>
  <si>
    <t>松田町</t>
  </si>
  <si>
    <t>山北町</t>
  </si>
  <si>
    <t>開成町</t>
  </si>
  <si>
    <t>厚木</t>
    <rPh sb="0" eb="2">
      <t>アツギ</t>
    </rPh>
    <phoneticPr fontId="3"/>
  </si>
  <si>
    <t>厚木市</t>
  </si>
  <si>
    <t>海老名市</t>
  </si>
  <si>
    <t>座間市</t>
  </si>
  <si>
    <t>愛川町</t>
  </si>
  <si>
    <t>清川村</t>
  </si>
  <si>
    <t>大和</t>
    <rPh sb="0" eb="2">
      <t>ヤマト</t>
    </rPh>
    <phoneticPr fontId="3"/>
  </si>
  <si>
    <t>大和市</t>
  </si>
  <si>
    <t>綾瀬市</t>
  </si>
  <si>
    <t>資料：障害福祉課</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41" formatCode="_ * #,##0_ ;_ * \-#,##0_ ;_ * &quot;-&quot;_ ;_ @_ "/>
    <numFmt numFmtId="176" formatCode="_(* #,##0_);_(* \(#,##0\);_(* &quot;-&quot;_);_(@_)"/>
  </numFmts>
  <fonts count="9">
    <font>
      <sz val="11"/>
      <name val="ＭＳ Ｐゴシック"/>
      <family val="3"/>
      <charset val="128"/>
    </font>
    <font>
      <sz val="11"/>
      <name val="ＭＳ Ｐゴシック"/>
      <family val="3"/>
      <charset val="128"/>
    </font>
    <font>
      <sz val="11"/>
      <name val="メイリオ"/>
      <family val="3"/>
      <charset val="128"/>
    </font>
    <font>
      <sz val="6"/>
      <name val="ＭＳ Ｐゴシック"/>
      <family val="3"/>
      <charset val="128"/>
    </font>
    <font>
      <sz val="11"/>
      <color theme="1"/>
      <name val="メイリオ"/>
      <family val="3"/>
      <charset val="128"/>
    </font>
    <font>
      <sz val="10"/>
      <name val="メイリオ"/>
      <family val="3"/>
      <charset val="128"/>
    </font>
    <font>
      <sz val="11"/>
      <color theme="4" tint="-0.499984740745262"/>
      <name val="メイリオ"/>
      <family val="3"/>
      <charset val="128"/>
    </font>
    <font>
      <sz val="14"/>
      <name val="ＭＳ 明朝"/>
      <family val="1"/>
      <charset val="128"/>
    </font>
    <font>
      <sz val="12"/>
      <name val="ＭＳ 明朝"/>
      <family val="1"/>
      <charset val="128"/>
    </font>
  </fonts>
  <fills count="6">
    <fill>
      <patternFill patternType="none"/>
    </fill>
    <fill>
      <patternFill patternType="gray125"/>
    </fill>
    <fill>
      <patternFill patternType="solid">
        <fgColor indexed="9"/>
        <bgColor indexed="64"/>
      </patternFill>
    </fill>
    <fill>
      <patternFill patternType="solid">
        <fgColor theme="4" tint="0.79998168889431442"/>
        <bgColor indexed="64"/>
      </patternFill>
    </fill>
    <fill>
      <patternFill patternType="solid">
        <fgColor theme="5" tint="0.79998168889431442"/>
        <bgColor indexed="64"/>
      </patternFill>
    </fill>
    <fill>
      <patternFill patternType="solid">
        <fgColor theme="0"/>
        <bgColor indexed="64"/>
      </patternFill>
    </fill>
  </fills>
  <borders count="147">
    <border>
      <left/>
      <right/>
      <top/>
      <bottom/>
      <diagonal/>
    </border>
    <border>
      <left/>
      <right/>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thin">
        <color indexed="8"/>
      </bottom>
      <diagonal/>
    </border>
    <border>
      <left/>
      <right/>
      <top style="medium">
        <color indexed="64"/>
      </top>
      <bottom style="thin">
        <color indexed="8"/>
      </bottom>
      <diagonal/>
    </border>
    <border>
      <left/>
      <right style="medium">
        <color indexed="64"/>
      </right>
      <top style="medium">
        <color indexed="64"/>
      </top>
      <bottom style="thin">
        <color indexed="8"/>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double">
        <color indexed="64"/>
      </right>
      <top style="thin">
        <color indexed="64"/>
      </top>
      <bottom style="medium">
        <color indexed="64"/>
      </bottom>
      <diagonal/>
    </border>
    <border>
      <left/>
      <right style="thin">
        <color indexed="8"/>
      </right>
      <top style="thin">
        <color indexed="8"/>
      </top>
      <bottom style="medium">
        <color indexed="64"/>
      </bottom>
      <diagonal/>
    </border>
    <border>
      <left style="thin">
        <color indexed="8"/>
      </left>
      <right style="thin">
        <color indexed="8"/>
      </right>
      <top style="thin">
        <color indexed="8"/>
      </top>
      <bottom style="medium">
        <color indexed="64"/>
      </bottom>
      <diagonal/>
    </border>
    <border>
      <left style="thin">
        <color indexed="8"/>
      </left>
      <right/>
      <top style="thin">
        <color indexed="8"/>
      </top>
      <bottom style="medium">
        <color indexed="64"/>
      </bottom>
      <diagonal/>
    </border>
    <border>
      <left style="thin">
        <color indexed="64"/>
      </left>
      <right style="thin">
        <color indexed="64"/>
      </right>
      <top style="thin">
        <color indexed="8"/>
      </top>
      <bottom style="medium">
        <color indexed="64"/>
      </bottom>
      <diagonal/>
    </border>
    <border>
      <left/>
      <right style="medium">
        <color indexed="64"/>
      </right>
      <top style="thin">
        <color indexed="8"/>
      </top>
      <bottom style="medium">
        <color indexed="64"/>
      </bottom>
      <diagonal/>
    </border>
    <border>
      <left style="medium">
        <color indexed="64"/>
      </left>
      <right style="double">
        <color indexed="64"/>
      </right>
      <top style="thin">
        <color indexed="8"/>
      </top>
      <bottom style="medium">
        <color indexed="64"/>
      </bottom>
      <diagonal/>
    </border>
    <border>
      <left style="medium">
        <color indexed="64"/>
      </left>
      <right/>
      <top style="medium">
        <color indexed="64"/>
      </top>
      <bottom style="double">
        <color indexed="64"/>
      </bottom>
      <diagonal/>
    </border>
    <border>
      <left/>
      <right style="medium">
        <color indexed="64"/>
      </right>
      <top style="medium">
        <color indexed="64"/>
      </top>
      <bottom style="double">
        <color indexed="64"/>
      </bottom>
      <diagonal/>
    </border>
    <border>
      <left style="medium">
        <color indexed="64"/>
      </left>
      <right style="double">
        <color indexed="64"/>
      </right>
      <top style="medium">
        <color indexed="64"/>
      </top>
      <bottom style="double">
        <color indexed="64"/>
      </bottom>
      <diagonal/>
    </border>
    <border>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right/>
      <top style="medium">
        <color indexed="64"/>
      </top>
      <bottom style="double">
        <color indexed="64"/>
      </bottom>
      <diagonal/>
    </border>
    <border>
      <left style="thin">
        <color indexed="64"/>
      </left>
      <right/>
      <top style="medium">
        <color indexed="64"/>
      </top>
      <bottom style="double">
        <color indexed="64"/>
      </bottom>
      <diagonal/>
    </border>
    <border>
      <left style="thin">
        <color indexed="8"/>
      </left>
      <right style="thin">
        <color indexed="8"/>
      </right>
      <top style="medium">
        <color indexed="64"/>
      </top>
      <bottom style="double">
        <color indexed="64"/>
      </bottom>
      <diagonal/>
    </border>
    <border diagonalDown="1">
      <left style="medium">
        <color indexed="64"/>
      </left>
      <right style="thin">
        <color indexed="8"/>
      </right>
      <top/>
      <bottom/>
      <diagonal style="hair">
        <color indexed="64"/>
      </diagonal>
    </border>
    <border>
      <left/>
      <right style="medium">
        <color indexed="64"/>
      </right>
      <top/>
      <bottom/>
      <diagonal/>
    </border>
    <border>
      <left style="medium">
        <color indexed="64"/>
      </left>
      <right style="double">
        <color indexed="64"/>
      </right>
      <top/>
      <bottom style="thin">
        <color indexed="64"/>
      </bottom>
      <diagonal/>
    </border>
    <border>
      <left style="double">
        <color indexed="64"/>
      </left>
      <right style="thin">
        <color indexed="64"/>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right style="thin">
        <color indexed="8"/>
      </right>
      <top/>
      <bottom style="thin">
        <color indexed="64"/>
      </bottom>
      <diagonal/>
    </border>
    <border>
      <left/>
      <right/>
      <top/>
      <bottom style="thin">
        <color indexed="64"/>
      </bottom>
      <diagonal/>
    </border>
    <border>
      <left style="thin">
        <color indexed="8"/>
      </left>
      <right/>
      <top/>
      <bottom style="thin">
        <color indexed="64"/>
      </bottom>
      <diagonal/>
    </border>
    <border>
      <left style="thin">
        <color indexed="8"/>
      </left>
      <right style="thin">
        <color indexed="8"/>
      </right>
      <top/>
      <bottom style="thin">
        <color indexed="64"/>
      </bottom>
      <diagonal/>
    </border>
    <border>
      <left/>
      <right style="medium">
        <color indexed="64"/>
      </right>
      <top/>
      <bottom style="thin">
        <color indexed="64"/>
      </bottom>
      <diagonal/>
    </border>
    <border>
      <left/>
      <right style="medium">
        <color indexed="64"/>
      </right>
      <top style="thin">
        <color indexed="8"/>
      </top>
      <bottom/>
      <diagonal/>
    </border>
    <border>
      <left style="medium">
        <color indexed="64"/>
      </left>
      <right style="double">
        <color indexed="64"/>
      </right>
      <top style="thin">
        <color indexed="8"/>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double">
        <color indexed="64"/>
      </right>
      <top style="thin">
        <color indexed="64"/>
      </top>
      <bottom style="thin">
        <color indexed="64"/>
      </bottom>
      <diagonal/>
    </border>
    <border>
      <left/>
      <right style="thin">
        <color indexed="8"/>
      </right>
      <top style="thin">
        <color indexed="64"/>
      </top>
      <bottom style="thin">
        <color indexed="64"/>
      </bottom>
      <diagonal/>
    </border>
    <border>
      <left/>
      <right/>
      <top style="thin">
        <color indexed="64"/>
      </top>
      <bottom style="thin">
        <color indexed="64"/>
      </bottom>
      <diagonal/>
    </border>
    <border>
      <left style="thin">
        <color indexed="8"/>
      </left>
      <right/>
      <top style="thin">
        <color indexed="64"/>
      </top>
      <bottom style="thin">
        <color indexed="64"/>
      </bottom>
      <diagonal/>
    </border>
    <border>
      <left style="thin">
        <color indexed="64"/>
      </left>
      <right style="thin">
        <color indexed="8"/>
      </right>
      <top style="thin">
        <color indexed="64"/>
      </top>
      <bottom style="thin">
        <color indexed="64"/>
      </bottom>
      <diagonal/>
    </border>
    <border>
      <left style="thin">
        <color indexed="8"/>
      </left>
      <right style="thin">
        <color indexed="8"/>
      </right>
      <top style="thin">
        <color indexed="64"/>
      </top>
      <bottom style="thin">
        <color indexed="64"/>
      </bottom>
      <diagonal/>
    </border>
    <border>
      <left/>
      <right style="medium">
        <color indexed="64"/>
      </right>
      <top style="thin">
        <color indexed="64"/>
      </top>
      <bottom style="thin">
        <color indexed="64"/>
      </bottom>
      <diagonal/>
    </border>
    <border diagonalDown="1">
      <left style="medium">
        <color indexed="64"/>
      </left>
      <right style="thin">
        <color indexed="8"/>
      </right>
      <top/>
      <bottom style="thin">
        <color indexed="8"/>
      </bottom>
      <diagonal style="hair">
        <color indexed="64"/>
      </diagonal>
    </border>
    <border>
      <left style="double">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8"/>
      </right>
      <top style="medium">
        <color indexed="64"/>
      </top>
      <bottom style="double">
        <color indexed="64"/>
      </bottom>
      <diagonal/>
    </border>
    <border>
      <left style="thin">
        <color indexed="8"/>
      </left>
      <right style="medium">
        <color indexed="64"/>
      </right>
      <top style="medium">
        <color indexed="64"/>
      </top>
      <bottom style="double">
        <color indexed="64"/>
      </bottom>
      <diagonal/>
    </border>
    <border diagonalDown="1">
      <left style="medium">
        <color indexed="64"/>
      </left>
      <right style="thin">
        <color indexed="8"/>
      </right>
      <top style="double">
        <color indexed="64"/>
      </top>
      <bottom/>
      <diagonal style="thin">
        <color indexed="64"/>
      </diagonal>
    </border>
    <border>
      <left style="thin">
        <color indexed="8"/>
      </left>
      <right style="medium">
        <color indexed="64"/>
      </right>
      <top/>
      <bottom/>
      <diagonal/>
    </border>
    <border>
      <left style="thin">
        <color indexed="8"/>
      </left>
      <right/>
      <top/>
      <bottom/>
      <diagonal/>
    </border>
    <border>
      <left style="thin">
        <color indexed="64"/>
      </left>
      <right style="thin">
        <color indexed="64"/>
      </right>
      <top/>
      <bottom/>
      <diagonal/>
    </border>
    <border diagonalDown="1">
      <left style="medium">
        <color indexed="64"/>
      </left>
      <right style="thin">
        <color indexed="8"/>
      </right>
      <top/>
      <bottom style="thin">
        <color indexed="8"/>
      </bottom>
      <diagonal style="thin">
        <color indexed="64"/>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8"/>
      </left>
      <right style="medium">
        <color indexed="64"/>
      </right>
      <top style="thin">
        <color indexed="8"/>
      </top>
      <bottom style="hair">
        <color indexed="8"/>
      </bottom>
      <diagonal/>
    </border>
    <border>
      <left style="medium">
        <color indexed="64"/>
      </left>
      <right style="double">
        <color indexed="64"/>
      </right>
      <top style="thin">
        <color indexed="64"/>
      </top>
      <bottom/>
      <diagonal/>
    </border>
    <border>
      <left/>
      <right/>
      <top style="thin">
        <color indexed="8"/>
      </top>
      <bottom style="hair">
        <color indexed="8"/>
      </bottom>
      <diagonal/>
    </border>
    <border>
      <left style="thin">
        <color indexed="8"/>
      </left>
      <right/>
      <top style="thin">
        <color indexed="8"/>
      </top>
      <bottom style="hair">
        <color indexed="8"/>
      </bottom>
      <diagonal/>
    </border>
    <border>
      <left style="thin">
        <color indexed="64"/>
      </left>
      <right style="thin">
        <color indexed="64"/>
      </right>
      <top style="thin">
        <color indexed="8"/>
      </top>
      <bottom style="hair">
        <color indexed="8"/>
      </bottom>
      <diagonal/>
    </border>
    <border>
      <left/>
      <right style="medium">
        <color indexed="64"/>
      </right>
      <top style="thin">
        <color indexed="8"/>
      </top>
      <bottom style="hair">
        <color indexed="8"/>
      </bottom>
      <diagonal/>
    </border>
    <border diagonalDown="1">
      <left style="medium">
        <color indexed="64"/>
      </left>
      <right style="thin">
        <color indexed="8"/>
      </right>
      <top style="thin">
        <color indexed="8"/>
      </top>
      <bottom style="thin">
        <color indexed="8"/>
      </bottom>
      <diagonal style="thin">
        <color indexed="64"/>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thin">
        <color indexed="8"/>
      </left>
      <right style="thin">
        <color indexed="8"/>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style="thin">
        <color indexed="8"/>
      </right>
      <top style="thin">
        <color indexed="8"/>
      </top>
      <bottom/>
      <diagonal/>
    </border>
    <border>
      <left/>
      <right style="thin">
        <color indexed="8"/>
      </right>
      <top style="thin">
        <color indexed="8"/>
      </top>
      <bottom style="thin">
        <color indexed="64"/>
      </bottom>
      <diagonal/>
    </border>
    <border>
      <left style="thin">
        <color indexed="8"/>
      </left>
      <right style="thin">
        <color indexed="8"/>
      </right>
      <top style="thin">
        <color indexed="8"/>
      </top>
      <bottom style="thin">
        <color indexed="64"/>
      </bottom>
      <diagonal/>
    </border>
    <border>
      <left style="thin">
        <color indexed="8"/>
      </left>
      <right style="medium">
        <color indexed="64"/>
      </right>
      <top style="thin">
        <color indexed="8"/>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style="thin">
        <color indexed="8"/>
      </right>
      <top/>
      <bottom/>
      <diagonal/>
    </border>
    <border>
      <left style="medium">
        <color indexed="64"/>
      </left>
      <right style="double">
        <color indexed="64"/>
      </right>
      <top style="thin">
        <color indexed="8"/>
      </top>
      <bottom/>
      <diagonal/>
    </border>
    <border>
      <left style="medium">
        <color indexed="64"/>
      </left>
      <right style="double">
        <color indexed="64"/>
      </right>
      <top style="thin">
        <color indexed="64"/>
      </top>
      <bottom style="hair">
        <color indexed="64"/>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style="thin">
        <color indexed="8"/>
      </left>
      <right style="thin">
        <color indexed="8"/>
      </right>
      <top/>
      <bottom style="hair">
        <color indexed="64"/>
      </bottom>
      <diagonal/>
    </border>
    <border>
      <left/>
      <right style="medium">
        <color indexed="64"/>
      </right>
      <top/>
      <bottom style="hair">
        <color indexed="64"/>
      </bottom>
      <diagonal/>
    </border>
    <border>
      <left style="thin">
        <color indexed="8"/>
      </left>
      <right style="medium">
        <color indexed="64"/>
      </right>
      <top style="hair">
        <color indexed="8"/>
      </top>
      <bottom style="hair">
        <color indexed="8"/>
      </bottom>
      <diagonal/>
    </border>
    <border>
      <left style="medium">
        <color indexed="64"/>
      </left>
      <right style="double">
        <color indexed="64"/>
      </right>
      <top style="hair">
        <color indexed="8"/>
      </top>
      <bottom/>
      <diagonal/>
    </border>
    <border>
      <left/>
      <right/>
      <top style="hair">
        <color indexed="8"/>
      </top>
      <bottom style="hair">
        <color indexed="8"/>
      </bottom>
      <diagonal/>
    </border>
    <border>
      <left style="thin">
        <color indexed="8"/>
      </left>
      <right/>
      <top style="hair">
        <color indexed="8"/>
      </top>
      <bottom style="hair">
        <color indexed="8"/>
      </bottom>
      <diagonal/>
    </border>
    <border>
      <left style="thin">
        <color indexed="64"/>
      </left>
      <right style="thin">
        <color indexed="64"/>
      </right>
      <top style="hair">
        <color indexed="8"/>
      </top>
      <bottom style="hair">
        <color indexed="8"/>
      </bottom>
      <diagonal/>
    </border>
    <border>
      <left/>
      <right style="medium">
        <color indexed="64"/>
      </right>
      <top style="hair">
        <color indexed="8"/>
      </top>
      <bottom style="hair">
        <color indexed="8"/>
      </bottom>
      <diagonal/>
    </border>
    <border>
      <left style="medium">
        <color indexed="64"/>
      </left>
      <right style="double">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8"/>
      </left>
      <right style="thin">
        <color indexed="8"/>
      </right>
      <top style="hair">
        <color indexed="64"/>
      </top>
      <bottom style="hair">
        <color indexed="64"/>
      </bottom>
      <diagonal/>
    </border>
    <border>
      <left/>
      <right style="medium">
        <color indexed="64"/>
      </right>
      <top style="hair">
        <color indexed="64"/>
      </top>
      <bottom style="hair">
        <color indexed="64"/>
      </bottom>
      <diagonal/>
    </border>
    <border>
      <left style="thin">
        <color indexed="8"/>
      </left>
      <right style="medium">
        <color indexed="64"/>
      </right>
      <top style="hair">
        <color indexed="8"/>
      </top>
      <bottom/>
      <diagonal/>
    </border>
    <border>
      <left style="medium">
        <color indexed="64"/>
      </left>
      <right style="double">
        <color indexed="64"/>
      </right>
      <top style="hair">
        <color indexed="64"/>
      </top>
      <bottom/>
      <diagonal/>
    </border>
    <border>
      <left/>
      <right/>
      <top style="hair">
        <color indexed="8"/>
      </top>
      <bottom/>
      <diagonal/>
    </border>
    <border>
      <left style="thin">
        <color indexed="8"/>
      </left>
      <right/>
      <top style="hair">
        <color indexed="8"/>
      </top>
      <bottom/>
      <diagonal/>
    </border>
    <border>
      <left style="thin">
        <color indexed="64"/>
      </left>
      <right style="thin">
        <color indexed="64"/>
      </right>
      <top style="hair">
        <color indexed="8"/>
      </top>
      <bottom/>
      <diagonal/>
    </border>
    <border>
      <left/>
      <right style="medium">
        <color indexed="64"/>
      </right>
      <top style="hair">
        <color indexed="8"/>
      </top>
      <bottom/>
      <diagonal/>
    </border>
    <border>
      <left style="medium">
        <color indexed="64"/>
      </left>
      <right style="thin">
        <color indexed="8"/>
      </right>
      <top/>
      <bottom style="thin">
        <color indexed="8"/>
      </bottom>
      <diagonal/>
    </border>
    <border>
      <left style="medium">
        <color indexed="64"/>
      </left>
      <right style="double">
        <color indexed="64"/>
      </right>
      <top style="hair">
        <color indexed="64"/>
      </top>
      <bottom style="thin">
        <color indexed="8"/>
      </bottom>
      <diagonal/>
    </border>
    <border>
      <left style="medium">
        <color indexed="64"/>
      </left>
      <right style="thin">
        <color indexed="64"/>
      </right>
      <top style="thin">
        <color indexed="64"/>
      </top>
      <bottom style="thin">
        <color indexed="64"/>
      </bottom>
      <diagonal/>
    </border>
    <border>
      <left style="medium">
        <color indexed="64"/>
      </left>
      <right style="double">
        <color indexed="64"/>
      </right>
      <top style="hair">
        <color indexed="8"/>
      </top>
      <bottom style="thin">
        <color indexed="8"/>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8"/>
      </left>
      <right style="thin">
        <color indexed="8"/>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style="thin">
        <color indexed="8"/>
      </right>
      <top style="thin">
        <color indexed="8"/>
      </top>
      <bottom style="thin">
        <color indexed="64"/>
      </bottom>
      <diagonal/>
    </border>
    <border>
      <left style="medium">
        <color indexed="64"/>
      </left>
      <right style="thin">
        <color indexed="8"/>
      </right>
      <top style="thin">
        <color indexed="64"/>
      </top>
      <bottom style="thin">
        <color indexed="64"/>
      </bottom>
      <diagonal/>
    </border>
    <border>
      <left style="medium">
        <color indexed="64"/>
      </left>
      <right style="double">
        <color indexed="64"/>
      </right>
      <top style="hair">
        <color indexed="8"/>
      </top>
      <bottom style="hair">
        <color indexed="8"/>
      </bottom>
      <diagonal/>
    </border>
    <border>
      <left style="medium">
        <color indexed="64"/>
      </left>
      <right style="double">
        <color indexed="64"/>
      </right>
      <top/>
      <bottom style="hair">
        <color indexed="8"/>
      </bottom>
      <diagonal/>
    </border>
    <border>
      <left style="medium">
        <color indexed="64"/>
      </left>
      <right style="double">
        <color indexed="64"/>
      </right>
      <top style="hair">
        <color indexed="64"/>
      </top>
      <bottom style="thin">
        <color indexed="64"/>
      </bottom>
      <diagonal/>
    </border>
    <border>
      <left/>
      <right/>
      <top style="thin">
        <color indexed="8"/>
      </top>
      <bottom/>
      <diagonal/>
    </border>
    <border>
      <left style="thin">
        <color indexed="8"/>
      </left>
      <right/>
      <top style="thin">
        <color indexed="8"/>
      </top>
      <bottom/>
      <diagonal/>
    </border>
    <border>
      <left style="thin">
        <color indexed="64"/>
      </left>
      <right style="thin">
        <color indexed="64"/>
      </right>
      <top style="thin">
        <color indexed="8"/>
      </top>
      <bottom/>
      <diagonal/>
    </border>
    <border>
      <left style="thin">
        <color indexed="64"/>
      </left>
      <right style="thin">
        <color indexed="64"/>
      </right>
      <top style="thin">
        <color indexed="64"/>
      </top>
      <bottom/>
      <diagonal/>
    </border>
    <border>
      <left style="medium">
        <color indexed="64"/>
      </left>
      <right style="double">
        <color indexed="64"/>
      </right>
      <top/>
      <bottom/>
      <diagonal/>
    </border>
    <border>
      <left/>
      <right style="thin">
        <color indexed="8"/>
      </right>
      <top style="thin">
        <color indexed="8"/>
      </top>
      <bottom/>
      <diagonal/>
    </border>
    <border>
      <left style="thin">
        <color indexed="8"/>
      </left>
      <right style="thin">
        <color indexed="8"/>
      </right>
      <top style="thin">
        <color indexed="8"/>
      </top>
      <bottom/>
      <diagonal/>
    </border>
    <border>
      <left style="thin">
        <color indexed="8"/>
      </left>
      <right style="medium">
        <color indexed="64"/>
      </right>
      <top style="thin">
        <color indexed="8"/>
      </top>
      <bottom/>
      <diagonal/>
    </border>
    <border>
      <left/>
      <right style="thin">
        <color indexed="64"/>
      </right>
      <top style="thin">
        <color indexed="64"/>
      </top>
      <bottom/>
      <diagonal/>
    </border>
    <border>
      <left style="thin">
        <color indexed="64"/>
      </left>
      <right/>
      <top style="thin">
        <color indexed="64"/>
      </top>
      <bottom/>
      <diagonal/>
    </border>
    <border>
      <left style="thin">
        <color indexed="8"/>
      </left>
      <right style="thin">
        <color indexed="8"/>
      </right>
      <top style="thin">
        <color indexed="64"/>
      </top>
      <bottom/>
      <diagonal/>
    </border>
    <border>
      <left/>
      <right style="medium">
        <color indexed="64"/>
      </right>
      <top style="thin">
        <color indexed="64"/>
      </top>
      <bottom/>
      <diagonal/>
    </border>
    <border>
      <left style="medium">
        <color indexed="64"/>
      </left>
      <right style="thin">
        <color indexed="8"/>
      </right>
      <top/>
      <bottom style="medium">
        <color indexed="64"/>
      </bottom>
      <diagonal/>
    </border>
    <border>
      <left style="thin">
        <color indexed="8"/>
      </left>
      <right style="medium">
        <color indexed="64"/>
      </right>
      <top style="hair">
        <color indexed="8"/>
      </top>
      <bottom style="medium">
        <color indexed="64"/>
      </bottom>
      <diagonal/>
    </border>
    <border>
      <left style="medium">
        <color indexed="64"/>
      </left>
      <right style="double">
        <color indexed="64"/>
      </right>
      <top style="hair">
        <color indexed="8"/>
      </top>
      <bottom style="medium">
        <color indexed="64"/>
      </bottom>
      <diagonal/>
    </border>
    <border>
      <left/>
      <right/>
      <top style="hair">
        <color indexed="8"/>
      </top>
      <bottom style="medium">
        <color indexed="64"/>
      </bottom>
      <diagonal/>
    </border>
    <border>
      <left style="thin">
        <color indexed="8"/>
      </left>
      <right/>
      <top style="hair">
        <color indexed="8"/>
      </top>
      <bottom style="medium">
        <color indexed="64"/>
      </bottom>
      <diagonal/>
    </border>
    <border>
      <left style="thin">
        <color indexed="64"/>
      </left>
      <right style="thin">
        <color indexed="64"/>
      </right>
      <top style="hair">
        <color indexed="8"/>
      </top>
      <bottom style="medium">
        <color indexed="64"/>
      </bottom>
      <diagonal/>
    </border>
    <border>
      <left/>
      <right style="medium">
        <color indexed="64"/>
      </right>
      <top style="hair">
        <color indexed="8"/>
      </top>
      <bottom style="medium">
        <color indexed="64"/>
      </bottom>
      <diagonal/>
    </border>
    <border>
      <left style="medium">
        <color indexed="64"/>
      </left>
      <right style="double">
        <color indexed="64"/>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top style="hair">
        <color indexed="64"/>
      </top>
      <bottom style="medium">
        <color indexed="64"/>
      </bottom>
      <diagonal/>
    </border>
    <border>
      <left style="thin">
        <color indexed="8"/>
      </left>
      <right style="thin">
        <color indexed="8"/>
      </right>
      <top style="hair">
        <color indexed="64"/>
      </top>
      <bottom style="medium">
        <color indexed="64"/>
      </bottom>
      <diagonal/>
    </border>
    <border>
      <left/>
      <right style="medium">
        <color indexed="64"/>
      </right>
      <top style="hair">
        <color indexed="64"/>
      </top>
      <bottom style="medium">
        <color indexed="64"/>
      </bottom>
      <diagonal/>
    </border>
  </borders>
  <cellStyleXfs count="4">
    <xf numFmtId="0" fontId="0" fillId="0" borderId="0"/>
    <xf numFmtId="0" fontId="1" fillId="0" borderId="0"/>
    <xf numFmtId="1" fontId="7" fillId="0" borderId="0"/>
    <xf numFmtId="0" fontId="8" fillId="0" borderId="0">
      <alignment vertical="center"/>
    </xf>
  </cellStyleXfs>
  <cellXfs count="229">
    <xf numFmtId="0" fontId="0" fillId="0" borderId="0" xfId="0"/>
    <xf numFmtId="0" fontId="2" fillId="2" borderId="1" xfId="0" applyNumberFormat="1" applyFont="1" applyFill="1" applyBorder="1" applyAlignment="1">
      <alignment horizontal="left" vertical="center"/>
    </xf>
    <xf numFmtId="0" fontId="2" fillId="2" borderId="1" xfId="0" applyNumberFormat="1" applyFont="1" applyFill="1" applyBorder="1" applyAlignment="1">
      <alignment horizontal="distributed" vertical="center" justifyLastLine="1"/>
    </xf>
    <xf numFmtId="3" fontId="2" fillId="2" borderId="1" xfId="0" applyNumberFormat="1" applyFont="1" applyFill="1" applyBorder="1" applyAlignment="1">
      <alignment horizontal="right" vertical="center"/>
    </xf>
    <xf numFmtId="0" fontId="4" fillId="2" borderId="1" xfId="0" applyNumberFormat="1" applyFont="1" applyFill="1" applyBorder="1" applyAlignment="1">
      <alignment horizontal="left" vertical="center"/>
    </xf>
    <xf numFmtId="3" fontId="2" fillId="2" borderId="0" xfId="0" applyNumberFormat="1" applyFont="1" applyFill="1" applyBorder="1" applyAlignment="1">
      <alignment vertical="center"/>
    </xf>
    <xf numFmtId="0" fontId="2" fillId="2" borderId="0" xfId="0" applyFont="1" applyFill="1" applyBorder="1" applyAlignment="1">
      <alignment vertical="center"/>
    </xf>
    <xf numFmtId="3" fontId="4" fillId="2" borderId="1" xfId="0" applyNumberFormat="1" applyFont="1" applyFill="1" applyBorder="1" applyAlignment="1">
      <alignment vertical="center"/>
    </xf>
    <xf numFmtId="0" fontId="0" fillId="0" borderId="0" xfId="0" applyAlignment="1"/>
    <xf numFmtId="3" fontId="2" fillId="3" borderId="2" xfId="0" applyNumberFormat="1" applyFont="1" applyFill="1" applyBorder="1" applyAlignment="1">
      <alignment horizontal="left" vertical="center" wrapText="1" justifyLastLine="1"/>
    </xf>
    <xf numFmtId="3" fontId="2" fillId="3" borderId="3" xfId="0" applyNumberFormat="1" applyFont="1" applyFill="1" applyBorder="1" applyAlignment="1">
      <alignment horizontal="distributed" vertical="center" wrapText="1" justifyLastLine="1"/>
    </xf>
    <xf numFmtId="3" fontId="2" fillId="3" borderId="4" xfId="0" applyNumberFormat="1" applyFont="1" applyFill="1" applyBorder="1" applyAlignment="1">
      <alignment horizontal="left" vertical="center" wrapText="1"/>
    </xf>
    <xf numFmtId="3" fontId="2" fillId="3" borderId="5" xfId="0" applyNumberFormat="1" applyFont="1" applyFill="1" applyBorder="1" applyAlignment="1">
      <alignment horizontal="left" vertical="center" wrapText="1"/>
    </xf>
    <xf numFmtId="3" fontId="4" fillId="3" borderId="6" xfId="0" applyNumberFormat="1" applyFont="1" applyFill="1" applyBorder="1" applyAlignment="1">
      <alignment horizontal="left" vertical="center" wrapText="1" justifyLastLine="1"/>
    </xf>
    <xf numFmtId="3" fontId="4" fillId="3" borderId="7" xfId="0" applyNumberFormat="1" applyFont="1" applyFill="1" applyBorder="1" applyAlignment="1">
      <alignment horizontal="left" vertical="center" wrapText="1" justifyLastLine="1"/>
    </xf>
    <xf numFmtId="3" fontId="4" fillId="3" borderId="8" xfId="0" applyNumberFormat="1" applyFont="1" applyFill="1" applyBorder="1" applyAlignment="1">
      <alignment horizontal="left" vertical="center" wrapText="1" justifyLastLine="1"/>
    </xf>
    <xf numFmtId="3" fontId="2" fillId="3" borderId="9" xfId="0" applyNumberFormat="1" applyFont="1" applyFill="1" applyBorder="1" applyAlignment="1">
      <alignment horizontal="left" vertical="center" wrapText="1" justifyLastLine="1"/>
    </xf>
    <xf numFmtId="3" fontId="2" fillId="3" borderId="10" xfId="0" applyNumberFormat="1" applyFont="1" applyFill="1" applyBorder="1" applyAlignment="1">
      <alignment horizontal="distributed" vertical="center" wrapText="1" justifyLastLine="1"/>
    </xf>
    <xf numFmtId="3" fontId="2" fillId="3" borderId="11" xfId="0" applyNumberFormat="1" applyFont="1" applyFill="1" applyBorder="1" applyAlignment="1">
      <alignment horizontal="distributed" vertical="center" wrapText="1" justifyLastLine="1"/>
    </xf>
    <xf numFmtId="3" fontId="2" fillId="3" borderId="12" xfId="0" applyNumberFormat="1" applyFont="1" applyFill="1" applyBorder="1" applyAlignment="1">
      <alignment horizontal="center" vertical="top" wrapText="1" justifyLastLine="1"/>
    </xf>
    <xf numFmtId="3" fontId="5" fillId="3" borderId="13" xfId="0" applyNumberFormat="1" applyFont="1" applyFill="1" applyBorder="1" applyAlignment="1">
      <alignment horizontal="left" vertical="top" wrapText="1" justifyLastLine="1"/>
    </xf>
    <xf numFmtId="3" fontId="2" fillId="3" borderId="13" xfId="0" applyNumberFormat="1" applyFont="1" applyFill="1" applyBorder="1" applyAlignment="1">
      <alignment horizontal="left" vertical="top" wrapText="1" justifyLastLine="1"/>
    </xf>
    <xf numFmtId="3" fontId="2" fillId="3" borderId="14" xfId="0" applyNumberFormat="1" applyFont="1" applyFill="1" applyBorder="1" applyAlignment="1">
      <alignment horizontal="left" vertical="top" wrapText="1" justifyLastLine="1"/>
    </xf>
    <xf numFmtId="3" fontId="2" fillId="3" borderId="15" xfId="0" applyNumberFormat="1" applyFont="1" applyFill="1" applyBorder="1" applyAlignment="1">
      <alignment horizontal="left" vertical="top" wrapText="1" justifyLastLine="1"/>
    </xf>
    <xf numFmtId="3" fontId="2" fillId="3" borderId="16" xfId="0" applyNumberFormat="1" applyFont="1" applyFill="1" applyBorder="1" applyAlignment="1">
      <alignment horizontal="left" vertical="top" wrapText="1" justifyLastLine="1"/>
    </xf>
    <xf numFmtId="3" fontId="2" fillId="3" borderId="17" xfId="0" applyNumberFormat="1" applyFont="1" applyFill="1" applyBorder="1" applyAlignment="1">
      <alignment horizontal="left" vertical="top" wrapText="1" justifyLastLine="1"/>
    </xf>
    <xf numFmtId="3" fontId="2" fillId="3" borderId="12" xfId="0" applyNumberFormat="1" applyFont="1" applyFill="1" applyBorder="1" applyAlignment="1">
      <alignment horizontal="left" vertical="top" wrapText="1" justifyLastLine="1"/>
    </xf>
    <xf numFmtId="3" fontId="2" fillId="3" borderId="13" xfId="0" quotePrefix="1" applyNumberFormat="1" applyFont="1" applyFill="1" applyBorder="1" applyAlignment="1">
      <alignment horizontal="left" vertical="top" wrapText="1" justifyLastLine="1"/>
    </xf>
    <xf numFmtId="3" fontId="2" fillId="3" borderId="16" xfId="0" applyNumberFormat="1" applyFont="1" applyFill="1" applyBorder="1" applyAlignment="1">
      <alignment horizontal="distributed" vertical="top" wrapText="1" justifyLastLine="1"/>
    </xf>
    <xf numFmtId="3" fontId="2" fillId="4" borderId="18" xfId="0" applyNumberFormat="1" applyFont="1" applyFill="1" applyBorder="1" applyAlignment="1">
      <alignment horizontal="distributed" vertical="center" justifyLastLine="1"/>
    </xf>
    <xf numFmtId="3" fontId="2" fillId="4" borderId="19" xfId="0" applyNumberFormat="1" applyFont="1" applyFill="1" applyBorder="1" applyAlignment="1">
      <alignment horizontal="distributed" vertical="center" justifyLastLine="1"/>
    </xf>
    <xf numFmtId="41" fontId="6" fillId="4" borderId="20" xfId="0" applyNumberFormat="1" applyFont="1" applyFill="1" applyBorder="1" applyAlignment="1">
      <alignment vertical="center"/>
    </xf>
    <xf numFmtId="41" fontId="6" fillId="4" borderId="21" xfId="0" applyNumberFormat="1" applyFont="1" applyFill="1" applyBorder="1" applyAlignment="1">
      <alignment vertical="center"/>
    </xf>
    <xf numFmtId="41" fontId="6" fillId="4" borderId="22" xfId="0" applyNumberFormat="1" applyFont="1" applyFill="1" applyBorder="1" applyAlignment="1">
      <alignment vertical="center"/>
    </xf>
    <xf numFmtId="41" fontId="6" fillId="4" borderId="23" xfId="0" applyNumberFormat="1" applyFont="1" applyFill="1" applyBorder="1" applyAlignment="1">
      <alignment vertical="center"/>
    </xf>
    <xf numFmtId="176" fontId="6" fillId="4" borderId="20" xfId="0" applyNumberFormat="1" applyFont="1" applyFill="1" applyBorder="1" applyAlignment="1" applyProtection="1">
      <alignment vertical="center"/>
      <protection locked="0"/>
    </xf>
    <xf numFmtId="176" fontId="6" fillId="4" borderId="21" xfId="0" applyNumberFormat="1" applyFont="1" applyFill="1" applyBorder="1" applyAlignment="1" applyProtection="1">
      <alignment vertical="center"/>
      <protection locked="0"/>
    </xf>
    <xf numFmtId="176" fontId="6" fillId="4" borderId="24" xfId="0" applyNumberFormat="1" applyFont="1" applyFill="1" applyBorder="1" applyAlignment="1" applyProtection="1">
      <alignment vertical="center"/>
      <protection locked="0"/>
    </xf>
    <xf numFmtId="176" fontId="6" fillId="4" borderId="25" xfId="0" applyNumberFormat="1" applyFont="1" applyFill="1" applyBorder="1" applyAlignment="1" applyProtection="1">
      <alignment vertical="center"/>
      <protection locked="0"/>
    </xf>
    <xf numFmtId="176" fontId="6" fillId="4" borderId="22" xfId="0" applyNumberFormat="1" applyFont="1" applyFill="1" applyBorder="1" applyAlignment="1" applyProtection="1">
      <alignment vertical="center"/>
      <protection locked="0"/>
    </xf>
    <xf numFmtId="176" fontId="6" fillId="4" borderId="25" xfId="0" applyNumberFormat="1" applyFont="1" applyFill="1" applyBorder="1" applyAlignment="1" applyProtection="1">
      <alignment vertical="center"/>
    </xf>
    <xf numFmtId="176" fontId="6" fillId="4" borderId="26" xfId="0" applyNumberFormat="1" applyFont="1" applyFill="1" applyBorder="1" applyAlignment="1" applyProtection="1">
      <alignment vertical="center"/>
      <protection locked="0"/>
    </xf>
    <xf numFmtId="176" fontId="6" fillId="4" borderId="19" xfId="0" applyNumberFormat="1" applyFont="1" applyFill="1" applyBorder="1" applyAlignment="1" applyProtection="1">
      <alignment vertical="center"/>
      <protection locked="0"/>
    </xf>
    <xf numFmtId="3" fontId="2" fillId="2" borderId="27" xfId="0" applyNumberFormat="1" applyFont="1" applyFill="1" applyBorder="1" applyAlignment="1">
      <alignment horizontal="center" vertical="center"/>
    </xf>
    <xf numFmtId="3" fontId="2" fillId="0" borderId="28" xfId="0" applyNumberFormat="1" applyFont="1" applyFill="1" applyBorder="1" applyAlignment="1">
      <alignment vertical="center"/>
    </xf>
    <xf numFmtId="41" fontId="6" fillId="4" borderId="29" xfId="0" applyNumberFormat="1" applyFont="1" applyFill="1" applyBorder="1" applyAlignment="1">
      <alignment vertical="center"/>
    </xf>
    <xf numFmtId="0" fontId="2" fillId="0" borderId="30" xfId="0" applyFont="1" applyBorder="1" applyAlignment="1">
      <alignment horizontal="right" vertical="center"/>
    </xf>
    <xf numFmtId="0" fontId="2" fillId="0" borderId="31" xfId="0" applyFont="1" applyFill="1" applyBorder="1" applyAlignment="1" applyProtection="1">
      <alignment horizontal="right" vertical="center"/>
    </xf>
    <xf numFmtId="0" fontId="2" fillId="0" borderId="32" xfId="0" applyFont="1" applyFill="1" applyBorder="1" applyAlignment="1" applyProtection="1">
      <alignment horizontal="right" vertical="center"/>
    </xf>
    <xf numFmtId="176" fontId="6" fillId="4" borderId="29" xfId="0" applyNumberFormat="1" applyFont="1" applyFill="1" applyBorder="1" applyAlignment="1" applyProtection="1">
      <alignment vertical="center"/>
    </xf>
    <xf numFmtId="176" fontId="2" fillId="0" borderId="33" xfId="1" applyNumberFormat="1" applyFont="1" applyFill="1" applyBorder="1" applyAlignment="1">
      <alignment vertical="center"/>
    </xf>
    <xf numFmtId="176" fontId="2" fillId="0" borderId="34" xfId="1" applyNumberFormat="1" applyFont="1" applyFill="1" applyBorder="1" applyAlignment="1">
      <alignment vertical="center"/>
    </xf>
    <xf numFmtId="176" fontId="2" fillId="0" borderId="35" xfId="1" applyNumberFormat="1" applyFont="1" applyFill="1" applyBorder="1" applyAlignment="1">
      <alignment vertical="center"/>
    </xf>
    <xf numFmtId="176" fontId="2" fillId="0" borderId="36" xfId="1" applyNumberFormat="1" applyFont="1" applyFill="1" applyBorder="1" applyAlignment="1">
      <alignment vertical="center"/>
    </xf>
    <xf numFmtId="176" fontId="2" fillId="0" borderId="37" xfId="1" applyNumberFormat="1" applyFont="1" applyFill="1" applyBorder="1" applyAlignment="1">
      <alignment vertical="center"/>
    </xf>
    <xf numFmtId="3" fontId="2" fillId="0" borderId="38" xfId="0" applyNumberFormat="1" applyFont="1" applyFill="1" applyBorder="1" applyAlignment="1">
      <alignment vertical="center"/>
    </xf>
    <xf numFmtId="41" fontId="6" fillId="4" borderId="39" xfId="0" applyNumberFormat="1" applyFont="1" applyFill="1" applyBorder="1" applyAlignment="1">
      <alignment vertical="center"/>
    </xf>
    <xf numFmtId="1" fontId="2" fillId="0" borderId="40" xfId="2" applyFont="1" applyBorder="1" applyAlignment="1">
      <alignment vertical="center"/>
    </xf>
    <xf numFmtId="1" fontId="2" fillId="0" borderId="41" xfId="2" applyFont="1" applyBorder="1" applyAlignment="1">
      <alignment vertical="center"/>
    </xf>
    <xf numFmtId="1" fontId="2" fillId="0" borderId="42" xfId="2" applyFont="1" applyBorder="1" applyAlignment="1">
      <alignment vertical="center"/>
    </xf>
    <xf numFmtId="176" fontId="6" fillId="4" borderId="43" xfId="0" applyNumberFormat="1" applyFont="1" applyFill="1" applyBorder="1" applyAlignment="1" applyProtection="1">
      <alignment vertical="center"/>
      <protection locked="0"/>
    </xf>
    <xf numFmtId="176" fontId="2" fillId="0" borderId="33" xfId="1" applyNumberFormat="1" applyFont="1" applyFill="1" applyBorder="1" applyAlignment="1" applyProtection="1">
      <alignment vertical="center"/>
      <protection locked="0"/>
    </xf>
    <xf numFmtId="0" fontId="2" fillId="0" borderId="40" xfId="0" applyFont="1" applyFill="1" applyBorder="1" applyAlignment="1" applyProtection="1">
      <alignment horizontal="right" vertical="center"/>
    </xf>
    <xf numFmtId="0" fontId="2" fillId="0" borderId="41" xfId="0" applyFont="1" applyFill="1" applyBorder="1" applyAlignment="1" applyProtection="1">
      <alignment horizontal="right" vertical="center"/>
    </xf>
    <xf numFmtId="0" fontId="2" fillId="0" borderId="42" xfId="0" applyFont="1" applyFill="1" applyBorder="1" applyAlignment="1" applyProtection="1">
      <alignment horizontal="right" vertical="center"/>
    </xf>
    <xf numFmtId="176" fontId="2" fillId="0" borderId="44" xfId="1" applyNumberFormat="1" applyFont="1" applyFill="1" applyBorder="1" applyAlignment="1" applyProtection="1">
      <alignment vertical="center"/>
      <protection locked="0"/>
    </xf>
    <xf numFmtId="176" fontId="2" fillId="0" borderId="45" xfId="1" applyNumberFormat="1" applyFont="1" applyFill="1" applyBorder="1" applyAlignment="1" applyProtection="1">
      <alignment vertical="center"/>
      <protection locked="0"/>
    </xf>
    <xf numFmtId="176" fontId="2" fillId="0" borderId="46" xfId="1" applyNumberFormat="1" applyFont="1" applyFill="1" applyBorder="1" applyAlignment="1" applyProtection="1">
      <alignment vertical="center"/>
      <protection locked="0"/>
    </xf>
    <xf numFmtId="176" fontId="2" fillId="0" borderId="47" xfId="1" applyNumberFormat="1" applyFont="1" applyFill="1" applyBorder="1" applyAlignment="1" applyProtection="1">
      <alignment vertical="center"/>
      <protection locked="0"/>
    </xf>
    <xf numFmtId="176" fontId="2" fillId="0" borderId="48" xfId="1" applyNumberFormat="1" applyFont="1" applyFill="1" applyBorder="1" applyAlignment="1" applyProtection="1">
      <alignment vertical="center"/>
      <protection locked="0"/>
    </xf>
    <xf numFmtId="176" fontId="2" fillId="0" borderId="49" xfId="1" applyNumberFormat="1" applyFont="1" applyFill="1" applyBorder="1" applyAlignment="1" applyProtection="1">
      <alignment vertical="center"/>
      <protection locked="0"/>
    </xf>
    <xf numFmtId="3" fontId="2" fillId="2" borderId="50" xfId="0" applyNumberFormat="1" applyFont="1" applyFill="1" applyBorder="1" applyAlignment="1">
      <alignment horizontal="center" vertical="center"/>
    </xf>
    <xf numFmtId="0" fontId="2" fillId="0" borderId="51" xfId="0" applyFont="1" applyFill="1" applyBorder="1" applyAlignment="1" applyProtection="1">
      <alignment horizontal="right" vertical="center"/>
    </xf>
    <xf numFmtId="0" fontId="2" fillId="0" borderId="52" xfId="0" applyFont="1" applyFill="1" applyBorder="1" applyAlignment="1" applyProtection="1">
      <alignment horizontal="right" vertical="center"/>
    </xf>
    <xf numFmtId="0" fontId="2" fillId="0" borderId="53" xfId="0" applyFont="1" applyFill="1" applyBorder="1" applyAlignment="1" applyProtection="1">
      <alignment horizontal="right" vertical="center"/>
    </xf>
    <xf numFmtId="176" fontId="2" fillId="0" borderId="46" xfId="1" applyNumberFormat="1" applyFont="1" applyFill="1" applyBorder="1" applyAlignment="1">
      <alignment vertical="center"/>
    </xf>
    <xf numFmtId="3" fontId="2" fillId="4" borderId="18" xfId="0" applyNumberFormat="1" applyFont="1" applyFill="1" applyBorder="1" applyAlignment="1">
      <alignment vertical="center" wrapText="1"/>
    </xf>
    <xf numFmtId="3" fontId="2" fillId="4" borderId="19" xfId="0" applyNumberFormat="1" applyFont="1" applyFill="1" applyBorder="1" applyAlignment="1">
      <alignment vertical="center" wrapText="1"/>
    </xf>
    <xf numFmtId="41" fontId="6" fillId="4" borderId="54" xfId="0" applyNumberFormat="1" applyFont="1" applyFill="1" applyBorder="1" applyAlignment="1">
      <alignment vertical="center"/>
    </xf>
    <xf numFmtId="41" fontId="6" fillId="4" borderId="26" xfId="0" applyNumberFormat="1" applyFont="1" applyFill="1" applyBorder="1" applyAlignment="1">
      <alignment vertical="center"/>
    </xf>
    <xf numFmtId="41" fontId="6" fillId="4" borderId="55" xfId="0" applyNumberFormat="1" applyFont="1" applyFill="1" applyBorder="1" applyAlignment="1">
      <alignment vertical="center"/>
    </xf>
    <xf numFmtId="3" fontId="2" fillId="2" borderId="56" xfId="0" applyNumberFormat="1" applyFont="1" applyFill="1" applyBorder="1" applyAlignment="1">
      <alignment horizontal="center" vertical="center"/>
    </xf>
    <xf numFmtId="3" fontId="2" fillId="2" borderId="57" xfId="0" applyNumberFormat="1" applyFont="1" applyFill="1" applyBorder="1" applyAlignment="1">
      <alignment vertical="center"/>
    </xf>
    <xf numFmtId="41" fontId="2" fillId="5" borderId="0" xfId="0" applyNumberFormat="1" applyFont="1" applyFill="1" applyBorder="1" applyAlignment="1" applyProtection="1">
      <alignment vertical="center"/>
      <protection locked="0"/>
    </xf>
    <xf numFmtId="41" fontId="2" fillId="5" borderId="58" xfId="0" applyNumberFormat="1" applyFont="1" applyFill="1" applyBorder="1" applyAlignment="1" applyProtection="1">
      <alignment vertical="center"/>
      <protection locked="0"/>
    </xf>
    <xf numFmtId="41" fontId="2" fillId="5" borderId="59" xfId="0" applyNumberFormat="1" applyFont="1" applyFill="1" applyBorder="1" applyAlignment="1">
      <alignment vertical="center"/>
    </xf>
    <xf numFmtId="41" fontId="2" fillId="5" borderId="28" xfId="0" applyNumberFormat="1" applyFont="1" applyFill="1" applyBorder="1" applyAlignment="1">
      <alignment vertical="center"/>
    </xf>
    <xf numFmtId="3" fontId="2" fillId="2" borderId="60" xfId="0" applyNumberFormat="1" applyFont="1" applyFill="1" applyBorder="1" applyAlignment="1">
      <alignment vertical="center"/>
    </xf>
    <xf numFmtId="176" fontId="6" fillId="4" borderId="29" xfId="0" applyNumberFormat="1" applyFont="1" applyFill="1" applyBorder="1" applyAlignment="1" applyProtection="1">
      <alignment vertical="center"/>
      <protection locked="0"/>
    </xf>
    <xf numFmtId="176" fontId="2" fillId="0" borderId="61" xfId="3" applyNumberFormat="1" applyFont="1" applyFill="1" applyBorder="1" applyAlignment="1">
      <alignment vertical="center"/>
    </xf>
    <xf numFmtId="176" fontId="2" fillId="0" borderId="62" xfId="3" applyNumberFormat="1" applyFont="1" applyFill="1" applyBorder="1" applyAlignment="1">
      <alignment vertical="center"/>
    </xf>
    <xf numFmtId="176" fontId="2" fillId="0" borderId="63" xfId="3" applyNumberFormat="1" applyFont="1" applyFill="1" applyBorder="1" applyAlignment="1">
      <alignment vertical="center"/>
    </xf>
    <xf numFmtId="176" fontId="2" fillId="0" borderId="36" xfId="3" applyNumberFormat="1" applyFont="1" applyFill="1" applyBorder="1" applyAlignment="1">
      <alignment vertical="center"/>
    </xf>
    <xf numFmtId="176" fontId="2" fillId="0" borderId="28" xfId="3" applyNumberFormat="1" applyFont="1" applyFill="1" applyBorder="1" applyAlignment="1">
      <alignment vertical="center"/>
    </xf>
    <xf numFmtId="3" fontId="2" fillId="2" borderId="60" xfId="0" applyNumberFormat="1" applyFont="1" applyFill="1" applyBorder="1" applyAlignment="1">
      <alignment horizontal="center" vertical="center"/>
    </xf>
    <xf numFmtId="3" fontId="2" fillId="2" borderId="64" xfId="0" applyNumberFormat="1" applyFont="1" applyFill="1" applyBorder="1" applyAlignment="1">
      <alignment vertical="center"/>
    </xf>
    <xf numFmtId="41" fontId="6" fillId="4" borderId="65" xfId="0" applyNumberFormat="1" applyFont="1" applyFill="1" applyBorder="1" applyAlignment="1">
      <alignment vertical="center"/>
    </xf>
    <xf numFmtId="41" fontId="2" fillId="5" borderId="66" xfId="0" applyNumberFormat="1" applyFont="1" applyFill="1" applyBorder="1" applyAlignment="1" applyProtection="1">
      <alignment vertical="center"/>
      <protection locked="0"/>
    </xf>
    <xf numFmtId="41" fontId="2" fillId="5" borderId="67" xfId="0" applyNumberFormat="1" applyFont="1" applyFill="1" applyBorder="1" applyAlignment="1" applyProtection="1">
      <alignment vertical="center"/>
      <protection locked="0"/>
    </xf>
    <xf numFmtId="41" fontId="2" fillId="5" borderId="68" xfId="0" applyNumberFormat="1" applyFont="1" applyFill="1" applyBorder="1" applyAlignment="1">
      <alignment vertical="center"/>
    </xf>
    <xf numFmtId="41" fontId="2" fillId="5" borderId="69" xfId="0" applyNumberFormat="1" applyFont="1" applyFill="1" applyBorder="1" applyAlignment="1">
      <alignment vertical="center"/>
    </xf>
    <xf numFmtId="3" fontId="2" fillId="2" borderId="70" xfId="0" applyNumberFormat="1" applyFont="1" applyFill="1" applyBorder="1" applyAlignment="1">
      <alignment vertical="center"/>
    </xf>
    <xf numFmtId="176" fontId="6" fillId="4" borderId="65" xfId="0" applyNumberFormat="1" applyFont="1" applyFill="1" applyBorder="1" applyAlignment="1" applyProtection="1">
      <alignment vertical="center"/>
      <protection locked="0"/>
    </xf>
    <xf numFmtId="176" fontId="2" fillId="0" borderId="71" xfId="3" applyNumberFormat="1" applyFont="1" applyFill="1" applyBorder="1" applyAlignment="1">
      <alignment vertical="center"/>
    </xf>
    <xf numFmtId="176" fontId="2" fillId="0" borderId="72" xfId="3" applyNumberFormat="1" applyFont="1" applyFill="1" applyBorder="1" applyAlignment="1">
      <alignment vertical="center"/>
    </xf>
    <xf numFmtId="176" fontId="2" fillId="0" borderId="73" xfId="3" applyNumberFormat="1" applyFont="1" applyFill="1" applyBorder="1" applyAlignment="1">
      <alignment vertical="center"/>
    </xf>
    <xf numFmtId="176" fontId="2" fillId="0" borderId="74" xfId="3" applyNumberFormat="1" applyFont="1" applyFill="1" applyBorder="1" applyAlignment="1">
      <alignment vertical="center"/>
    </xf>
    <xf numFmtId="176" fontId="2" fillId="0" borderId="75" xfId="3" applyNumberFormat="1" applyFont="1" applyFill="1" applyBorder="1" applyAlignment="1">
      <alignment vertical="center"/>
    </xf>
    <xf numFmtId="3" fontId="2" fillId="2" borderId="76" xfId="0" applyNumberFormat="1" applyFont="1" applyFill="1" applyBorder="1" applyAlignment="1">
      <alignment horizontal="distributed" vertical="center" justifyLastLine="1"/>
    </xf>
    <xf numFmtId="3" fontId="2" fillId="4" borderId="38" xfId="0" applyNumberFormat="1" applyFont="1" applyFill="1" applyBorder="1" applyAlignment="1">
      <alignment horizontal="distributed" vertical="center" justifyLastLine="1"/>
    </xf>
    <xf numFmtId="41" fontId="6" fillId="4" borderId="77" xfId="0" applyNumberFormat="1" applyFont="1" applyFill="1" applyBorder="1" applyAlignment="1">
      <alignment vertical="center"/>
    </xf>
    <xf numFmtId="41" fontId="6" fillId="4" borderId="78" xfId="0" applyNumberFormat="1" applyFont="1" applyFill="1" applyBorder="1" applyAlignment="1">
      <alignment vertical="center"/>
    </xf>
    <xf numFmtId="41" fontId="6" fillId="4" borderId="79" xfId="0" applyNumberFormat="1" applyFont="1" applyFill="1" applyBorder="1" applyAlignment="1">
      <alignment vertical="center"/>
    </xf>
    <xf numFmtId="176" fontId="6" fillId="4" borderId="80" xfId="0" applyNumberFormat="1" applyFont="1" applyFill="1" applyBorder="1" applyAlignment="1" applyProtection="1">
      <alignment vertical="center"/>
      <protection locked="0"/>
    </xf>
    <xf numFmtId="176" fontId="6" fillId="4" borderId="41" xfId="0" applyNumberFormat="1" applyFont="1" applyFill="1" applyBorder="1" applyAlignment="1" applyProtection="1">
      <alignment vertical="center"/>
      <protection locked="0"/>
    </xf>
    <xf numFmtId="176" fontId="6" fillId="4" borderId="81" xfId="0" applyNumberFormat="1" applyFont="1" applyFill="1" applyBorder="1" applyAlignment="1" applyProtection="1">
      <alignment vertical="center"/>
      <protection locked="0"/>
    </xf>
    <xf numFmtId="176" fontId="6" fillId="4" borderId="48" xfId="0" applyNumberFormat="1" applyFont="1" applyFill="1" applyBorder="1" applyAlignment="1" applyProtection="1">
      <alignment vertical="center"/>
      <protection locked="0"/>
    </xf>
    <xf numFmtId="176" fontId="6" fillId="4" borderId="49" xfId="0" applyNumberFormat="1" applyFont="1" applyFill="1" applyBorder="1" applyAlignment="1" applyProtection="1">
      <alignment vertical="center"/>
      <protection locked="0"/>
    </xf>
    <xf numFmtId="3" fontId="2" fillId="2" borderId="82" xfId="0" applyNumberFormat="1" applyFont="1" applyFill="1" applyBorder="1" applyAlignment="1">
      <alignment horizontal="distributed" vertical="center" justifyLastLine="1"/>
    </xf>
    <xf numFmtId="41" fontId="6" fillId="4" borderId="83" xfId="0" applyNumberFormat="1" applyFont="1" applyFill="1" applyBorder="1" applyAlignment="1">
      <alignment vertical="center"/>
    </xf>
    <xf numFmtId="176" fontId="6" fillId="4" borderId="84" xfId="0" applyNumberFormat="1" applyFont="1" applyFill="1" applyBorder="1" applyAlignment="1" applyProtection="1">
      <alignment vertical="center"/>
      <protection locked="0"/>
    </xf>
    <xf numFmtId="176" fontId="2" fillId="0" borderId="85" xfId="3" applyNumberFormat="1" applyFont="1" applyFill="1" applyBorder="1" applyAlignment="1">
      <alignment vertical="center"/>
    </xf>
    <xf numFmtId="176" fontId="2" fillId="0" borderId="86" xfId="3" applyNumberFormat="1" applyFont="1" applyFill="1" applyBorder="1" applyAlignment="1">
      <alignment vertical="center"/>
    </xf>
    <xf numFmtId="176" fontId="2" fillId="0" borderId="86" xfId="0" applyNumberFormat="1" applyFont="1" applyFill="1" applyBorder="1" applyAlignment="1" applyProtection="1">
      <alignment vertical="center"/>
      <protection locked="0"/>
    </xf>
    <xf numFmtId="176" fontId="2" fillId="0" borderId="87" xfId="3" applyNumberFormat="1" applyFont="1" applyFill="1" applyBorder="1" applyAlignment="1">
      <alignment vertical="center"/>
    </xf>
    <xf numFmtId="176" fontId="2" fillId="0" borderId="88" xfId="3" applyNumberFormat="1" applyFont="1" applyFill="1" applyBorder="1" applyAlignment="1">
      <alignment vertical="center"/>
    </xf>
    <xf numFmtId="176" fontId="2" fillId="0" borderId="89" xfId="3" applyNumberFormat="1" applyFont="1" applyFill="1" applyBorder="1" applyAlignment="1">
      <alignment vertical="center"/>
    </xf>
    <xf numFmtId="3" fontId="2" fillId="2" borderId="90" xfId="0" applyNumberFormat="1" applyFont="1" applyFill="1" applyBorder="1" applyAlignment="1">
      <alignment vertical="center"/>
    </xf>
    <xf numFmtId="41" fontId="6" fillId="4" borderId="91" xfId="0" applyNumberFormat="1" applyFont="1" applyFill="1" applyBorder="1" applyAlignment="1">
      <alignment vertical="center"/>
    </xf>
    <xf numFmtId="41" fontId="2" fillId="5" borderId="92" xfId="0" applyNumberFormat="1" applyFont="1" applyFill="1" applyBorder="1" applyAlignment="1" applyProtection="1">
      <alignment vertical="center"/>
      <protection locked="0"/>
    </xf>
    <xf numFmtId="41" fontId="2" fillId="5" borderId="93" xfId="0" applyNumberFormat="1" applyFont="1" applyFill="1" applyBorder="1" applyAlignment="1" applyProtection="1">
      <alignment vertical="center"/>
      <protection locked="0"/>
    </xf>
    <xf numFmtId="41" fontId="2" fillId="5" borderId="94" xfId="0" applyNumberFormat="1" applyFont="1" applyFill="1" applyBorder="1" applyAlignment="1">
      <alignment vertical="center"/>
    </xf>
    <xf numFmtId="41" fontId="2" fillId="5" borderId="95" xfId="0" applyNumberFormat="1" applyFont="1" applyFill="1" applyBorder="1" applyAlignment="1">
      <alignment vertical="center"/>
    </xf>
    <xf numFmtId="176" fontId="6" fillId="4" borderId="96" xfId="0" applyNumberFormat="1" applyFont="1" applyFill="1" applyBorder="1" applyAlignment="1" applyProtection="1">
      <alignment vertical="center"/>
      <protection locked="0"/>
    </xf>
    <xf numFmtId="176" fontId="2" fillId="0" borderId="97" xfId="3" applyNumberFormat="1" applyFont="1" applyFill="1" applyBorder="1" applyAlignment="1">
      <alignment vertical="center"/>
    </xf>
    <xf numFmtId="176" fontId="2" fillId="0" borderId="98" xfId="3" applyNumberFormat="1" applyFont="1" applyFill="1" applyBorder="1" applyAlignment="1">
      <alignment vertical="center"/>
    </xf>
    <xf numFmtId="176" fontId="2" fillId="0" borderId="98" xfId="0" applyNumberFormat="1" applyFont="1" applyFill="1" applyBorder="1" applyAlignment="1" applyProtection="1">
      <alignment vertical="center"/>
      <protection locked="0"/>
    </xf>
    <xf numFmtId="176" fontId="2" fillId="0" borderId="99" xfId="3" applyNumberFormat="1" applyFont="1" applyFill="1" applyBorder="1" applyAlignment="1">
      <alignment vertical="center"/>
    </xf>
    <xf numFmtId="176" fontId="2" fillId="0" borderId="100" xfId="3" applyNumberFormat="1" applyFont="1" applyFill="1" applyBorder="1" applyAlignment="1">
      <alignment vertical="center"/>
    </xf>
    <xf numFmtId="176" fontId="2" fillId="0" borderId="101" xfId="3" applyNumberFormat="1" applyFont="1" applyFill="1" applyBorder="1" applyAlignment="1">
      <alignment vertical="center"/>
    </xf>
    <xf numFmtId="3" fontId="2" fillId="2" borderId="102" xfId="0" applyNumberFormat="1" applyFont="1" applyFill="1" applyBorder="1" applyAlignment="1">
      <alignment vertical="center"/>
    </xf>
    <xf numFmtId="41" fontId="6" fillId="4" borderId="103" xfId="0" applyNumberFormat="1" applyFont="1" applyFill="1" applyBorder="1" applyAlignment="1">
      <alignment vertical="center"/>
    </xf>
    <xf numFmtId="41" fontId="2" fillId="5" borderId="104" xfId="0" applyNumberFormat="1" applyFont="1" applyFill="1" applyBorder="1" applyAlignment="1" applyProtection="1">
      <alignment vertical="center"/>
      <protection locked="0"/>
    </xf>
    <xf numFmtId="41" fontId="2" fillId="5" borderId="105" xfId="0" applyNumberFormat="1" applyFont="1" applyFill="1" applyBorder="1" applyAlignment="1" applyProtection="1">
      <alignment vertical="center"/>
      <protection locked="0"/>
    </xf>
    <xf numFmtId="41" fontId="2" fillId="5" borderId="106" xfId="0" applyNumberFormat="1" applyFont="1" applyFill="1" applyBorder="1" applyAlignment="1">
      <alignment vertical="center"/>
    </xf>
    <xf numFmtId="41" fontId="2" fillId="5" borderId="107" xfId="0" applyNumberFormat="1" applyFont="1" applyFill="1" applyBorder="1" applyAlignment="1">
      <alignment vertical="center"/>
    </xf>
    <xf numFmtId="3" fontId="2" fillId="2" borderId="108" xfId="0" applyNumberFormat="1" applyFont="1" applyFill="1" applyBorder="1" applyAlignment="1">
      <alignment horizontal="distributed" vertical="center" justifyLastLine="1"/>
    </xf>
    <xf numFmtId="41" fontId="6" fillId="4" borderId="109" xfId="0" applyNumberFormat="1" applyFont="1" applyFill="1" applyBorder="1" applyAlignment="1">
      <alignment vertical="center"/>
    </xf>
    <xf numFmtId="176" fontId="2" fillId="0" borderId="37" xfId="3" applyNumberFormat="1" applyFont="1" applyFill="1" applyBorder="1" applyAlignment="1">
      <alignment vertical="center"/>
    </xf>
    <xf numFmtId="3" fontId="2" fillId="2" borderId="110" xfId="0" applyNumberFormat="1" applyFont="1" applyFill="1" applyBorder="1" applyAlignment="1">
      <alignment horizontal="distributed" vertical="center" wrapText="1" justifyLastLine="1"/>
    </xf>
    <xf numFmtId="3" fontId="2" fillId="2" borderId="69" xfId="0" applyNumberFormat="1" applyFont="1" applyFill="1" applyBorder="1" applyAlignment="1">
      <alignment vertical="center"/>
    </xf>
    <xf numFmtId="3" fontId="2" fillId="2" borderId="107" xfId="0" applyNumberFormat="1" applyFont="1" applyFill="1" applyBorder="1" applyAlignment="1">
      <alignment vertical="center"/>
    </xf>
    <xf numFmtId="41" fontId="6" fillId="4" borderId="111" xfId="0" applyNumberFormat="1" applyFont="1" applyFill="1" applyBorder="1" applyAlignment="1">
      <alignment vertical="center"/>
    </xf>
    <xf numFmtId="176" fontId="2" fillId="0" borderId="112" xfId="3" applyNumberFormat="1" applyFont="1" applyFill="1" applyBorder="1" applyAlignment="1">
      <alignment vertical="center"/>
    </xf>
    <xf numFmtId="176" fontId="2" fillId="0" borderId="113" xfId="3" applyNumberFormat="1" applyFont="1" applyFill="1" applyBorder="1" applyAlignment="1">
      <alignment vertical="center"/>
    </xf>
    <xf numFmtId="176" fontId="2" fillId="0" borderId="114" xfId="3" applyNumberFormat="1" applyFont="1" applyFill="1" applyBorder="1" applyAlignment="1">
      <alignment vertical="center"/>
    </xf>
    <xf numFmtId="176" fontId="2" fillId="0" borderId="115" xfId="3" applyNumberFormat="1" applyFont="1" applyFill="1" applyBorder="1" applyAlignment="1">
      <alignment vertical="center"/>
    </xf>
    <xf numFmtId="176" fontId="2" fillId="0" borderId="116" xfId="3" applyNumberFormat="1" applyFont="1" applyFill="1" applyBorder="1" applyAlignment="1">
      <alignment vertical="center"/>
    </xf>
    <xf numFmtId="3" fontId="2" fillId="2" borderId="117" xfId="0" applyNumberFormat="1" applyFont="1" applyFill="1" applyBorder="1" applyAlignment="1">
      <alignment horizontal="distributed" vertical="center" justifyLastLine="1"/>
    </xf>
    <xf numFmtId="3" fontId="2" fillId="2" borderId="118" xfId="0" applyNumberFormat="1" applyFont="1" applyFill="1" applyBorder="1" applyAlignment="1">
      <alignment horizontal="distributed" vertical="center" justifyLastLine="1"/>
    </xf>
    <xf numFmtId="41" fontId="2" fillId="5" borderId="66" xfId="0" applyNumberFormat="1" applyFont="1" applyFill="1" applyBorder="1" applyAlignment="1">
      <alignment vertical="center"/>
    </xf>
    <xf numFmtId="41" fontId="2" fillId="5" borderId="67" xfId="0" applyNumberFormat="1" applyFont="1" applyFill="1" applyBorder="1" applyAlignment="1">
      <alignment vertical="center"/>
    </xf>
    <xf numFmtId="41" fontId="6" fillId="4" borderId="119" xfId="0" applyNumberFormat="1" applyFont="1" applyFill="1" applyBorder="1" applyAlignment="1">
      <alignment vertical="center"/>
    </xf>
    <xf numFmtId="176" fontId="6" fillId="4" borderId="103" xfId="0" applyNumberFormat="1" applyFont="1" applyFill="1" applyBorder="1" applyAlignment="1" applyProtection="1">
      <alignment vertical="center"/>
      <protection locked="0"/>
    </xf>
    <xf numFmtId="41" fontId="6" fillId="4" borderId="120" xfId="0" applyNumberFormat="1" applyFont="1" applyFill="1" applyBorder="1" applyAlignment="1">
      <alignment vertical="center"/>
    </xf>
    <xf numFmtId="176" fontId="6" fillId="4" borderId="121" xfId="0" applyNumberFormat="1" applyFont="1" applyFill="1" applyBorder="1" applyAlignment="1" applyProtection="1">
      <alignment vertical="center"/>
      <protection locked="0"/>
    </xf>
    <xf numFmtId="3" fontId="2" fillId="2" borderId="38" xfId="0" applyNumberFormat="1" applyFont="1" applyFill="1" applyBorder="1" applyAlignment="1">
      <alignment vertical="center"/>
    </xf>
    <xf numFmtId="41" fontId="2" fillId="5" borderId="122" xfId="0" applyNumberFormat="1" applyFont="1" applyFill="1" applyBorder="1" applyAlignment="1" applyProtection="1">
      <alignment vertical="center"/>
      <protection locked="0"/>
    </xf>
    <xf numFmtId="41" fontId="2" fillId="5" borderId="123" xfId="0" applyNumberFormat="1" applyFont="1" applyFill="1" applyBorder="1" applyAlignment="1" applyProtection="1">
      <alignment vertical="center"/>
      <protection locked="0"/>
    </xf>
    <xf numFmtId="41" fontId="2" fillId="5" borderId="124" xfId="0" applyNumberFormat="1" applyFont="1" applyFill="1" applyBorder="1" applyAlignment="1">
      <alignment vertical="center"/>
    </xf>
    <xf numFmtId="41" fontId="2" fillId="5" borderId="38" xfId="0" applyNumberFormat="1" applyFont="1" applyFill="1" applyBorder="1" applyAlignment="1">
      <alignment vertical="center"/>
    </xf>
    <xf numFmtId="176" fontId="2" fillId="2" borderId="41" xfId="3" applyNumberFormat="1" applyFont="1" applyFill="1" applyBorder="1" applyAlignment="1">
      <alignment vertical="center"/>
    </xf>
    <xf numFmtId="176" fontId="2" fillId="2" borderId="48" xfId="3" applyNumberFormat="1" applyFont="1" applyFill="1" applyBorder="1" applyAlignment="1">
      <alignment vertical="center"/>
    </xf>
    <xf numFmtId="176" fontId="2" fillId="2" borderId="28" xfId="3" applyNumberFormat="1" applyFont="1" applyFill="1" applyBorder="1" applyAlignment="1">
      <alignment vertical="center"/>
    </xf>
    <xf numFmtId="176" fontId="6" fillId="4" borderId="80" xfId="0" applyNumberFormat="1" applyFont="1" applyFill="1" applyBorder="1" applyAlignment="1">
      <alignment vertical="center"/>
    </xf>
    <xf numFmtId="176" fontId="6" fillId="4" borderId="41" xfId="0" applyNumberFormat="1" applyFont="1" applyFill="1" applyBorder="1" applyAlignment="1">
      <alignment vertical="center"/>
    </xf>
    <xf numFmtId="176" fontId="6" fillId="4" borderId="81" xfId="0" applyNumberFormat="1" applyFont="1" applyFill="1" applyBorder="1" applyAlignment="1">
      <alignment vertical="center"/>
    </xf>
    <xf numFmtId="176" fontId="6" fillId="4" borderId="48" xfId="0" applyNumberFormat="1" applyFont="1" applyFill="1" applyBorder="1" applyAlignment="1">
      <alignment vertical="center"/>
    </xf>
    <xf numFmtId="176" fontId="6" fillId="4" borderId="49" xfId="0" applyNumberFormat="1" applyFont="1" applyFill="1" applyBorder="1" applyAlignment="1">
      <alignment vertical="center"/>
    </xf>
    <xf numFmtId="176" fontId="2" fillId="0" borderId="125" xfId="3" applyNumberFormat="1" applyFont="1" applyFill="1" applyBorder="1" applyAlignment="1">
      <alignment vertical="center"/>
    </xf>
    <xf numFmtId="176" fontId="2" fillId="2" borderId="98" xfId="3" applyNumberFormat="1" applyFont="1" applyFill="1" applyBorder="1" applyAlignment="1">
      <alignment vertical="center"/>
    </xf>
    <xf numFmtId="176" fontId="2" fillId="2" borderId="100" xfId="3" applyNumberFormat="1" applyFont="1" applyFill="1" applyBorder="1" applyAlignment="1">
      <alignment vertical="center"/>
    </xf>
    <xf numFmtId="176" fontId="2" fillId="2" borderId="101" xfId="3" applyNumberFormat="1" applyFont="1" applyFill="1" applyBorder="1" applyAlignment="1">
      <alignment vertical="center"/>
    </xf>
    <xf numFmtId="41" fontId="2" fillId="5" borderId="94" xfId="0" applyNumberFormat="1" applyFont="1" applyFill="1" applyBorder="1" applyAlignment="1" applyProtection="1">
      <alignment vertical="center"/>
      <protection locked="0"/>
    </xf>
    <xf numFmtId="41" fontId="2" fillId="5" borderId="95" xfId="0" applyNumberFormat="1" applyFont="1" applyFill="1" applyBorder="1" applyAlignment="1" applyProtection="1">
      <alignment vertical="center"/>
      <protection locked="0"/>
    </xf>
    <xf numFmtId="176" fontId="6" fillId="4" borderId="126" xfId="0" applyNumberFormat="1" applyFont="1" applyFill="1" applyBorder="1" applyAlignment="1" applyProtection="1">
      <alignment vertical="center"/>
      <protection locked="0"/>
    </xf>
    <xf numFmtId="41" fontId="2" fillId="5" borderId="105" xfId="0" applyNumberFormat="1" applyFont="1" applyFill="1" applyBorder="1" applyAlignment="1">
      <alignment vertical="center"/>
    </xf>
    <xf numFmtId="41" fontId="6" fillId="4" borderId="127" xfId="0" applyNumberFormat="1" applyFont="1" applyFill="1" applyBorder="1" applyAlignment="1">
      <alignment vertical="center"/>
    </xf>
    <xf numFmtId="41" fontId="6" fillId="4" borderId="128" xfId="0" applyNumberFormat="1" applyFont="1" applyFill="1" applyBorder="1" applyAlignment="1">
      <alignment vertical="center"/>
    </xf>
    <xf numFmtId="41" fontId="6" fillId="4" borderId="129" xfId="0" applyNumberFormat="1" applyFont="1" applyFill="1" applyBorder="1" applyAlignment="1">
      <alignment vertical="center"/>
    </xf>
    <xf numFmtId="176" fontId="6" fillId="4" borderId="130" xfId="0" applyNumberFormat="1" applyFont="1" applyFill="1" applyBorder="1" applyAlignment="1">
      <alignment vertical="center"/>
    </xf>
    <xf numFmtId="176" fontId="6" fillId="4" borderId="125" xfId="0" applyNumberFormat="1" applyFont="1" applyFill="1" applyBorder="1" applyAlignment="1">
      <alignment vertical="center"/>
    </xf>
    <xf numFmtId="176" fontId="6" fillId="4" borderId="131" xfId="0" applyNumberFormat="1" applyFont="1" applyFill="1" applyBorder="1" applyAlignment="1">
      <alignment vertical="center"/>
    </xf>
    <xf numFmtId="176" fontId="6" fillId="4" borderId="132" xfId="0" applyNumberFormat="1" applyFont="1" applyFill="1" applyBorder="1" applyAlignment="1">
      <alignment vertical="center"/>
    </xf>
    <xf numFmtId="176" fontId="6" fillId="4" borderId="133" xfId="0" applyNumberFormat="1" applyFont="1" applyFill="1" applyBorder="1" applyAlignment="1">
      <alignment vertical="center"/>
    </xf>
    <xf numFmtId="176" fontId="2" fillId="2" borderId="71" xfId="3" applyNumberFormat="1" applyFont="1" applyFill="1" applyBorder="1" applyAlignment="1">
      <alignment vertical="center"/>
    </xf>
    <xf numFmtId="176" fontId="2" fillId="2" borderId="72" xfId="3" applyNumberFormat="1" applyFont="1" applyFill="1" applyBorder="1" applyAlignment="1">
      <alignment vertical="center"/>
    </xf>
    <xf numFmtId="176" fontId="2" fillId="2" borderId="73" xfId="3" applyNumberFormat="1" applyFont="1" applyFill="1" applyBorder="1" applyAlignment="1">
      <alignment vertical="center"/>
    </xf>
    <xf numFmtId="176" fontId="2" fillId="2" borderId="74" xfId="3" applyNumberFormat="1" applyFont="1" applyFill="1" applyBorder="1" applyAlignment="1">
      <alignment vertical="center"/>
    </xf>
    <xf numFmtId="176" fontId="2" fillId="2" borderId="75" xfId="3" applyNumberFormat="1" applyFont="1" applyFill="1" applyBorder="1" applyAlignment="1">
      <alignment vertical="center"/>
    </xf>
    <xf numFmtId="3" fontId="2" fillId="2" borderId="95" xfId="0" applyNumberFormat="1" applyFont="1" applyFill="1" applyBorder="1" applyAlignment="1">
      <alignment vertical="center"/>
    </xf>
    <xf numFmtId="41" fontId="2" fillId="5" borderId="92" xfId="0" applyNumberFormat="1" applyFont="1" applyFill="1" applyBorder="1" applyAlignment="1">
      <alignment vertical="center"/>
    </xf>
    <xf numFmtId="41" fontId="2" fillId="5" borderId="93" xfId="0" applyNumberFormat="1" applyFont="1" applyFill="1" applyBorder="1" applyAlignment="1">
      <alignment vertical="center"/>
    </xf>
    <xf numFmtId="176" fontId="2" fillId="2" borderId="97" xfId="3" applyNumberFormat="1" applyFont="1" applyFill="1" applyBorder="1" applyAlignment="1">
      <alignment vertical="center"/>
    </xf>
    <xf numFmtId="176" fontId="2" fillId="2" borderId="99" xfId="3" applyNumberFormat="1" applyFont="1" applyFill="1" applyBorder="1" applyAlignment="1">
      <alignment vertical="center"/>
    </xf>
    <xf numFmtId="41" fontId="2" fillId="5" borderId="106" xfId="0" applyNumberFormat="1" applyFont="1" applyFill="1" applyBorder="1" applyAlignment="1" applyProtection="1">
      <alignment vertical="center"/>
      <protection locked="0"/>
    </xf>
    <xf numFmtId="41" fontId="2" fillId="5" borderId="107" xfId="0" applyNumberFormat="1" applyFont="1" applyFill="1" applyBorder="1" applyAlignment="1" applyProtection="1">
      <alignment vertical="center"/>
      <protection locked="0"/>
    </xf>
    <xf numFmtId="176" fontId="2" fillId="2" borderId="112" xfId="3" applyNumberFormat="1" applyFont="1" applyFill="1" applyBorder="1" applyAlignment="1">
      <alignment vertical="center"/>
    </xf>
    <xf numFmtId="176" fontId="2" fillId="2" borderId="113" xfId="3" applyNumberFormat="1" applyFont="1" applyFill="1" applyBorder="1" applyAlignment="1">
      <alignment vertical="center"/>
    </xf>
    <xf numFmtId="176" fontId="2" fillId="2" borderId="114" xfId="3" applyNumberFormat="1" applyFont="1" applyFill="1" applyBorder="1" applyAlignment="1">
      <alignment vertical="center"/>
    </xf>
    <xf numFmtId="176" fontId="2" fillId="2" borderId="115" xfId="3" applyNumberFormat="1" applyFont="1" applyFill="1" applyBorder="1" applyAlignment="1">
      <alignment vertical="center"/>
    </xf>
    <xf numFmtId="176" fontId="2" fillId="2" borderId="116" xfId="3" applyNumberFormat="1" applyFont="1" applyFill="1" applyBorder="1" applyAlignment="1">
      <alignment vertical="center"/>
    </xf>
    <xf numFmtId="3" fontId="2" fillId="2" borderId="76" xfId="0" applyNumberFormat="1" applyFont="1" applyFill="1" applyBorder="1" applyAlignment="1">
      <alignment horizontal="distributed" vertical="center" wrapText="1" justifyLastLine="1"/>
    </xf>
    <xf numFmtId="3" fontId="2" fillId="2" borderId="82" xfId="0" applyNumberFormat="1" applyFont="1" applyFill="1" applyBorder="1" applyAlignment="1">
      <alignment horizontal="distributed" vertical="center" wrapText="1" justifyLastLine="1"/>
    </xf>
    <xf numFmtId="3" fontId="2" fillId="2" borderId="134" xfId="0" applyNumberFormat="1" applyFont="1" applyFill="1" applyBorder="1" applyAlignment="1">
      <alignment horizontal="distributed" vertical="center" wrapText="1" justifyLastLine="1"/>
    </xf>
    <xf numFmtId="3" fontId="2" fillId="2" borderId="135" xfId="0" applyNumberFormat="1" applyFont="1" applyFill="1" applyBorder="1" applyAlignment="1">
      <alignment vertical="center"/>
    </xf>
    <xf numFmtId="41" fontId="6" fillId="4" borderId="136" xfId="0" applyNumberFormat="1" applyFont="1" applyFill="1" applyBorder="1" applyAlignment="1">
      <alignment vertical="center"/>
    </xf>
    <xf numFmtId="41" fontId="2" fillId="5" borderId="137" xfId="0" applyNumberFormat="1" applyFont="1" applyFill="1" applyBorder="1" applyAlignment="1">
      <alignment vertical="center"/>
    </xf>
    <xf numFmtId="41" fontId="2" fillId="5" borderId="138" xfId="0" applyNumberFormat="1" applyFont="1" applyFill="1" applyBorder="1" applyAlignment="1">
      <alignment vertical="center"/>
    </xf>
    <xf numFmtId="41" fontId="2" fillId="5" borderId="139" xfId="0" applyNumberFormat="1" applyFont="1" applyFill="1" applyBorder="1" applyAlignment="1">
      <alignment vertical="center"/>
    </xf>
    <xf numFmtId="41" fontId="2" fillId="5" borderId="140" xfId="0" applyNumberFormat="1" applyFont="1" applyFill="1" applyBorder="1" applyAlignment="1">
      <alignment vertical="center"/>
    </xf>
    <xf numFmtId="176" fontId="6" fillId="4" borderId="141" xfId="0" applyNumberFormat="1" applyFont="1" applyFill="1" applyBorder="1" applyAlignment="1" applyProtection="1">
      <alignment vertical="center"/>
      <protection locked="0"/>
    </xf>
    <xf numFmtId="176" fontId="2" fillId="2" borderId="142" xfId="3" applyNumberFormat="1" applyFont="1" applyFill="1" applyBorder="1" applyAlignment="1">
      <alignment vertical="center"/>
    </xf>
    <xf numFmtId="176" fontId="2" fillId="2" borderId="143" xfId="3" applyNumberFormat="1" applyFont="1" applyFill="1" applyBorder="1" applyAlignment="1">
      <alignment vertical="center"/>
    </xf>
    <xf numFmtId="176" fontId="2" fillId="2" borderId="144" xfId="3" applyNumberFormat="1" applyFont="1" applyFill="1" applyBorder="1" applyAlignment="1">
      <alignment vertical="center"/>
    </xf>
    <xf numFmtId="176" fontId="2" fillId="2" borderId="145" xfId="3" applyNumberFormat="1" applyFont="1" applyFill="1" applyBorder="1" applyAlignment="1">
      <alignment vertical="center"/>
    </xf>
    <xf numFmtId="176" fontId="2" fillId="2" borderId="146" xfId="3" applyNumberFormat="1" applyFont="1" applyFill="1" applyBorder="1" applyAlignment="1">
      <alignment vertical="center"/>
    </xf>
    <xf numFmtId="3" fontId="2" fillId="2" borderId="0" xfId="0" applyNumberFormat="1" applyFont="1" applyFill="1" applyAlignment="1">
      <alignment vertical="center"/>
    </xf>
    <xf numFmtId="0" fontId="2" fillId="2" borderId="0" xfId="0" applyFont="1" applyFill="1" applyAlignment="1">
      <alignment vertical="center"/>
    </xf>
  </cellXfs>
  <cellStyles count="4">
    <cellStyle name="標準" xfId="0" builtinId="0"/>
    <cellStyle name="標準_5-10" xfId="2"/>
    <cellStyle name="標準_5-21" xfId="1"/>
    <cellStyle name="標準_Sheet"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1504\02_&#20581;&#24247;&#12389;&#12367;&#12426;&#65319;\95_&#31119;&#31049;&#32113;&#35336;&#65288;R4&#12363;&#12425;&#12383;&#12400;&#12371;&#23550;&#31574;G&#25152;&#31649;&#65289;\R5\07_HP\05\05_&#12304;&#20196;&#21644;4&#24180;&#24230;&#29256;&#12305;&#38556;&#23475;&#20816;&#32773;&#31119;&#3104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hiho159803\&#20849;&#26377;\&#20445;&#20581;&#31119;&#31049;&#24773;&#22577;&#29677;\&#31038;&#20250;&#31119;&#31049;&#32113;&#35336;&#31561;\&#30740;&#20462;&#21729;&#12501;&#12457;&#12523;&#12480;\18&#24180;&#24230;&#20998;&#25285;&#20107;&#21209;\&#20874;&#23376;&#38306;&#20418;\H18&#31119;&#31049;&#32113;&#35336;(H17&#20998;)\&#38556;&#23475;&#31119;&#31049;&#35506;\05&#32113;&#35336;\17&#24180;&#24230;\H17&#30693;&#30340;&#38556;&#23475;&#32773;&#65288;&#38598;&#35336;&#12522;&#12531;&#12463;&#65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hiho159803\&#20849;&#26377;\My%20Documents\07&#31572;&#24321;\02&#32113;&#35336;\2-1-5&#37325;&#24515;&#33258;&#3828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L6x4kyuc99s0\&#22823;&#33251;&#23448;&#25151;&#32113;&#35336;&#24773;&#22577;&#37096;&#31038;&#20250;&#32113;&#35336;&#35506;\ktq\&#31119;&#31049;&#65299;&#65288;&#31038;&#20250;&#31119;&#31049;&#32113;&#35336;&#31532;&#65299;&#20418;&#65289;\h17&#12456;&#12463;&#12475;&#12523;&#12471;&#12540;&#12488;\1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5障害児者福祉　目次"/>
      <sheetName val="5ｰ1"/>
      <sheetName val="5ｰ2"/>
      <sheetName val="5-3"/>
      <sheetName val="5-4"/>
      <sheetName val="5-5"/>
      <sheetName val="5-6"/>
      <sheetName val="5-7"/>
      <sheetName val="5-8"/>
      <sheetName val="5-9"/>
      <sheetName val="5-10"/>
      <sheetName val="5-11"/>
      <sheetName val="5-13"/>
      <sheetName val="5-14"/>
      <sheetName val="5-15"/>
      <sheetName val="5-16"/>
      <sheetName val="5-17"/>
      <sheetName val="5-18"/>
      <sheetName val="5-19"/>
      <sheetName val="5-20"/>
      <sheetName val="5-21"/>
      <sheetName val="5-22"/>
      <sheetName val="5-2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知的障害者把握数（基礎データ入力ファイル）"/>
      <sheetName val="2-(1)-1"/>
      <sheetName val="重心自閉2-(1)-2"/>
      <sheetName val="推移表2-（1）-3"/>
      <sheetName val="部長答弁"/>
      <sheetName val="作業用親の会"/>
      <sheetName val="福祉行政の概要（知的）"/>
      <sheetName val="5ｰ1（児）表(福祉統計)"/>
      <sheetName val="5ｰ2（重心）表 (福祉統計)"/>
      <sheetName val="5ｰ3（者）表 (福祉統計) "/>
      <sheetName val="厚生労働調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重心自閉(H11)"/>
      <sheetName val="重心自閉(H12) "/>
      <sheetName val="重心自閉(H13)"/>
      <sheetName val="重心自閉(H14)"/>
      <sheetName val="作業用親の会"/>
    </sheetNames>
    <sheetDataSet>
      <sheetData sheetId="0" refreshError="1"/>
      <sheetData sheetId="1" refreshError="1"/>
      <sheetData sheetId="2" refreshError="1"/>
      <sheetData sheetId="3" refreshError="1"/>
      <sheetData sheetId="4"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3表"/>
      <sheetName val="130"/>
      <sheetName val="都道府県・指定都市・中核市"/>
    </sheetNames>
    <sheetDataSet>
      <sheetData sheetId="0">
        <row r="13">
          <cell r="E13">
            <v>0</v>
          </cell>
          <cell r="F13">
            <v>0</v>
          </cell>
          <cell r="G13">
            <v>4</v>
          </cell>
          <cell r="H13">
            <v>0</v>
          </cell>
          <cell r="I13">
            <v>0</v>
          </cell>
          <cell r="J13">
            <v>0</v>
          </cell>
        </row>
        <row r="14">
          <cell r="E14">
            <v>0</v>
          </cell>
          <cell r="F14">
            <v>4</v>
          </cell>
          <cell r="G14">
            <v>4</v>
          </cell>
          <cell r="H14">
            <v>0</v>
          </cell>
          <cell r="I14">
            <v>0</v>
          </cell>
          <cell r="J14">
            <v>0</v>
          </cell>
        </row>
        <row r="15">
          <cell r="E15">
            <v>0</v>
          </cell>
          <cell r="F15">
            <v>0</v>
          </cell>
          <cell r="G15">
            <v>4</v>
          </cell>
          <cell r="H15">
            <v>0</v>
          </cell>
          <cell r="I15">
            <v>0</v>
          </cell>
          <cell r="J15">
            <v>0</v>
          </cell>
        </row>
        <row r="16">
          <cell r="E16">
            <v>0</v>
          </cell>
          <cell r="F16">
            <v>0</v>
          </cell>
          <cell r="G16">
            <v>4</v>
          </cell>
          <cell r="H16">
            <v>0</v>
          </cell>
          <cell r="I16">
            <v>0</v>
          </cell>
          <cell r="J16">
            <v>0</v>
          </cell>
        </row>
        <row r="17">
          <cell r="E17">
            <v>0</v>
          </cell>
          <cell r="F17">
            <v>0</v>
          </cell>
          <cell r="G17">
            <v>4</v>
          </cell>
          <cell r="H17">
            <v>0</v>
          </cell>
          <cell r="I17">
            <v>0</v>
          </cell>
          <cell r="J17">
            <v>0</v>
          </cell>
        </row>
        <row r="18">
          <cell r="E18">
            <v>0</v>
          </cell>
          <cell r="F18">
            <v>0</v>
          </cell>
          <cell r="G18">
            <v>20</v>
          </cell>
          <cell r="H18">
            <v>0</v>
          </cell>
          <cell r="I18">
            <v>0</v>
          </cell>
          <cell r="J18">
            <v>0</v>
          </cell>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47"/>
  <sheetViews>
    <sheetView tabSelected="1" view="pageBreakPreview" zoomScaleNormal="73" zoomScaleSheetLayoutView="100" workbookViewId="0">
      <selection activeCell="AF1" sqref="AF1"/>
    </sheetView>
  </sheetViews>
  <sheetFormatPr defaultRowHeight="13.2"/>
  <cols>
    <col min="1" max="1" width="15.109375" style="8" customWidth="1"/>
    <col min="2" max="2" width="12.6640625" style="8" customWidth="1"/>
    <col min="3" max="3" width="13.6640625" style="8" customWidth="1"/>
    <col min="4" max="4" width="12.6640625" style="8" customWidth="1"/>
    <col min="5" max="13" width="13.6640625" style="8" customWidth="1"/>
    <col min="14" max="14" width="15.109375" style="8" customWidth="1"/>
    <col min="15" max="16" width="10.6640625" style="8" customWidth="1"/>
    <col min="17" max="32" width="9.6640625" style="8" customWidth="1"/>
    <col min="33" max="16384" width="8.88671875" style="8"/>
  </cols>
  <sheetData>
    <row r="1" spans="1:32" ht="18" thickBot="1">
      <c r="A1" s="1" t="s">
        <v>0</v>
      </c>
      <c r="B1" s="1"/>
      <c r="C1" s="1"/>
      <c r="D1" s="1"/>
      <c r="E1" s="1"/>
      <c r="F1" s="1"/>
      <c r="G1" s="2"/>
      <c r="H1" s="1"/>
      <c r="I1" s="1"/>
      <c r="J1" s="1"/>
      <c r="K1" s="1"/>
      <c r="L1" s="1"/>
      <c r="M1" s="3" t="s">
        <v>1</v>
      </c>
      <c r="N1" s="4" t="s">
        <v>0</v>
      </c>
      <c r="O1" s="1"/>
      <c r="P1" s="5"/>
      <c r="Q1" s="5"/>
      <c r="R1" s="5"/>
      <c r="S1" s="5"/>
      <c r="T1" s="6"/>
      <c r="U1" s="6"/>
      <c r="V1" s="5"/>
      <c r="W1" s="5"/>
      <c r="X1" s="5"/>
      <c r="Y1" s="5"/>
      <c r="Z1" s="5"/>
      <c r="AA1" s="7"/>
      <c r="AB1" s="7"/>
      <c r="AC1" s="7"/>
      <c r="AD1" s="7"/>
      <c r="AE1" s="7"/>
      <c r="AF1" s="3" t="s">
        <v>2</v>
      </c>
    </row>
    <row r="2" spans="1:32" ht="17.25" customHeight="1">
      <c r="A2" s="9" t="s">
        <v>3</v>
      </c>
      <c r="B2" s="10" t="s">
        <v>4</v>
      </c>
      <c r="C2" s="11" t="s">
        <v>5</v>
      </c>
      <c r="D2" s="11"/>
      <c r="E2" s="11"/>
      <c r="F2" s="11"/>
      <c r="G2" s="11"/>
      <c r="H2" s="11"/>
      <c r="I2" s="11"/>
      <c r="J2" s="11"/>
      <c r="K2" s="11"/>
      <c r="L2" s="11"/>
      <c r="M2" s="12"/>
      <c r="N2" s="9" t="s">
        <v>3</v>
      </c>
      <c r="O2" s="10" t="s">
        <v>4</v>
      </c>
      <c r="P2" s="13" t="s">
        <v>6</v>
      </c>
      <c r="Q2" s="14"/>
      <c r="R2" s="14"/>
      <c r="S2" s="14"/>
      <c r="T2" s="14"/>
      <c r="U2" s="14"/>
      <c r="V2" s="14"/>
      <c r="W2" s="14"/>
      <c r="X2" s="14"/>
      <c r="Y2" s="14"/>
      <c r="Z2" s="14"/>
      <c r="AA2" s="14"/>
      <c r="AB2" s="14"/>
      <c r="AC2" s="14"/>
      <c r="AD2" s="14"/>
      <c r="AE2" s="14"/>
      <c r="AF2" s="15"/>
    </row>
    <row r="3" spans="1:32" ht="57" customHeight="1" thickBot="1">
      <c r="A3" s="16"/>
      <c r="B3" s="17"/>
      <c r="C3" s="18" t="s">
        <v>7</v>
      </c>
      <c r="D3" s="19" t="s">
        <v>8</v>
      </c>
      <c r="E3" s="20" t="s">
        <v>9</v>
      </c>
      <c r="F3" s="21" t="s">
        <v>10</v>
      </c>
      <c r="G3" s="21" t="s">
        <v>11</v>
      </c>
      <c r="H3" s="21" t="s">
        <v>12</v>
      </c>
      <c r="I3" s="21" t="s">
        <v>13</v>
      </c>
      <c r="J3" s="21" t="s">
        <v>14</v>
      </c>
      <c r="K3" s="22" t="s">
        <v>15</v>
      </c>
      <c r="L3" s="23" t="s">
        <v>16</v>
      </c>
      <c r="M3" s="24" t="s">
        <v>17</v>
      </c>
      <c r="N3" s="16"/>
      <c r="O3" s="17"/>
      <c r="P3" s="25" t="s">
        <v>18</v>
      </c>
      <c r="Q3" s="26" t="s">
        <v>19</v>
      </c>
      <c r="R3" s="21" t="s">
        <v>20</v>
      </c>
      <c r="S3" s="21" t="s">
        <v>21</v>
      </c>
      <c r="T3" s="21" t="s">
        <v>22</v>
      </c>
      <c r="U3" s="21" t="s">
        <v>23</v>
      </c>
      <c r="V3" s="21" t="s">
        <v>24</v>
      </c>
      <c r="W3" s="27" t="s">
        <v>25</v>
      </c>
      <c r="X3" s="21" t="s">
        <v>26</v>
      </c>
      <c r="Y3" s="21" t="s">
        <v>27</v>
      </c>
      <c r="Z3" s="21" t="s">
        <v>28</v>
      </c>
      <c r="AA3" s="21" t="s">
        <v>29</v>
      </c>
      <c r="AB3" s="21" t="s">
        <v>30</v>
      </c>
      <c r="AC3" s="21" t="s">
        <v>31</v>
      </c>
      <c r="AD3" s="22" t="s">
        <v>32</v>
      </c>
      <c r="AE3" s="21" t="s">
        <v>33</v>
      </c>
      <c r="AF3" s="28" t="s">
        <v>34</v>
      </c>
    </row>
    <row r="4" spans="1:32" ht="16.5" customHeight="1" thickBot="1">
      <c r="A4" s="29" t="s">
        <v>35</v>
      </c>
      <c r="B4" s="30"/>
      <c r="C4" s="31">
        <f>SUM(D4:M4)</f>
        <v>11698</v>
      </c>
      <c r="D4" s="32">
        <f>SUM(D5:D9)</f>
        <v>790</v>
      </c>
      <c r="E4" s="33">
        <f t="shared" ref="E4:M4" si="0">SUM(E5:E9)</f>
        <v>1530</v>
      </c>
      <c r="F4" s="33">
        <f t="shared" si="0"/>
        <v>3973</v>
      </c>
      <c r="G4" s="33">
        <f t="shared" si="0"/>
        <v>1276</v>
      </c>
      <c r="H4" s="33">
        <f t="shared" si="0"/>
        <v>859</v>
      </c>
      <c r="I4" s="33">
        <f t="shared" si="0"/>
        <v>1064</v>
      </c>
      <c r="J4" s="33">
        <f t="shared" si="0"/>
        <v>1123</v>
      </c>
      <c r="K4" s="33">
        <f t="shared" si="0"/>
        <v>567</v>
      </c>
      <c r="L4" s="33">
        <f t="shared" si="0"/>
        <v>87</v>
      </c>
      <c r="M4" s="34">
        <f t="shared" si="0"/>
        <v>429</v>
      </c>
      <c r="N4" s="29" t="s">
        <v>35</v>
      </c>
      <c r="O4" s="30"/>
      <c r="P4" s="35">
        <v>3802</v>
      </c>
      <c r="Q4" s="36">
        <v>67</v>
      </c>
      <c r="R4" s="37">
        <v>27</v>
      </c>
      <c r="S4" s="38">
        <v>31</v>
      </c>
      <c r="T4" s="38">
        <v>16</v>
      </c>
      <c r="U4" s="38">
        <v>24</v>
      </c>
      <c r="V4" s="38">
        <v>29</v>
      </c>
      <c r="W4" s="38">
        <v>270</v>
      </c>
      <c r="X4" s="39">
        <v>23</v>
      </c>
      <c r="Y4" s="37">
        <v>8</v>
      </c>
      <c r="Z4" s="38">
        <v>98</v>
      </c>
      <c r="AA4" s="38">
        <v>21</v>
      </c>
      <c r="AB4" s="40">
        <v>8</v>
      </c>
      <c r="AC4" s="39">
        <v>23</v>
      </c>
      <c r="AD4" s="37">
        <v>6</v>
      </c>
      <c r="AE4" s="41">
        <v>441</v>
      </c>
      <c r="AF4" s="42">
        <v>2710</v>
      </c>
    </row>
    <row r="5" spans="1:32" ht="16.5" customHeight="1" thickTop="1">
      <c r="A5" s="43"/>
      <c r="B5" s="44" t="s">
        <v>36</v>
      </c>
      <c r="C5" s="45">
        <f t="shared" ref="C5:C46" si="1">SUM(D5:M5)</f>
        <v>5365</v>
      </c>
      <c r="D5" s="46">
        <v>372</v>
      </c>
      <c r="E5" s="47">
        <v>632</v>
      </c>
      <c r="F5" s="47">
        <v>1786</v>
      </c>
      <c r="G5" s="47">
        <v>630</v>
      </c>
      <c r="H5" s="47">
        <v>355</v>
      </c>
      <c r="I5" s="47">
        <v>561</v>
      </c>
      <c r="J5" s="47">
        <v>609</v>
      </c>
      <c r="K5" s="47">
        <v>245</v>
      </c>
      <c r="L5" s="47">
        <v>37</v>
      </c>
      <c r="M5" s="48">
        <v>138</v>
      </c>
      <c r="N5" s="43"/>
      <c r="O5" s="44" t="s">
        <v>36</v>
      </c>
      <c r="P5" s="49">
        <v>1579</v>
      </c>
      <c r="Q5" s="50">
        <v>31</v>
      </c>
      <c r="R5" s="51">
        <v>12</v>
      </c>
      <c r="S5" s="52">
        <v>11</v>
      </c>
      <c r="T5" s="52">
        <v>6</v>
      </c>
      <c r="U5" s="52">
        <v>10</v>
      </c>
      <c r="V5" s="52">
        <v>12</v>
      </c>
      <c r="W5" s="52">
        <v>110</v>
      </c>
      <c r="X5" s="52">
        <v>13</v>
      </c>
      <c r="Y5" s="52">
        <v>1</v>
      </c>
      <c r="Z5" s="52">
        <v>53</v>
      </c>
      <c r="AA5" s="52">
        <v>11</v>
      </c>
      <c r="AB5" s="52">
        <v>4</v>
      </c>
      <c r="AC5" s="52">
        <v>9</v>
      </c>
      <c r="AD5" s="52">
        <v>3</v>
      </c>
      <c r="AE5" s="53">
        <v>178</v>
      </c>
      <c r="AF5" s="54">
        <v>1115</v>
      </c>
    </row>
    <row r="6" spans="1:32" ht="16.5" customHeight="1">
      <c r="A6" s="43"/>
      <c r="B6" s="55" t="s">
        <v>37</v>
      </c>
      <c r="C6" s="56">
        <f t="shared" si="1"/>
        <v>2060</v>
      </c>
      <c r="D6" s="57">
        <v>109</v>
      </c>
      <c r="E6" s="58">
        <v>221</v>
      </c>
      <c r="F6" s="58">
        <v>690</v>
      </c>
      <c r="G6" s="58">
        <v>217</v>
      </c>
      <c r="H6" s="58">
        <v>173</v>
      </c>
      <c r="I6" s="58">
        <v>183</v>
      </c>
      <c r="J6" s="58">
        <v>242</v>
      </c>
      <c r="K6" s="58">
        <v>117</v>
      </c>
      <c r="L6" s="58">
        <v>24</v>
      </c>
      <c r="M6" s="59">
        <v>84</v>
      </c>
      <c r="N6" s="43"/>
      <c r="O6" s="55" t="s">
        <v>37</v>
      </c>
      <c r="P6" s="60">
        <v>491</v>
      </c>
      <c r="Q6" s="61">
        <v>12</v>
      </c>
      <c r="R6" s="51">
        <v>8</v>
      </c>
      <c r="S6" s="52">
        <v>8</v>
      </c>
      <c r="T6" s="52">
        <v>0</v>
      </c>
      <c r="U6" s="52">
        <v>5</v>
      </c>
      <c r="V6" s="52">
        <v>4</v>
      </c>
      <c r="W6" s="52">
        <v>33</v>
      </c>
      <c r="X6" s="52">
        <v>2</v>
      </c>
      <c r="Y6" s="52">
        <v>3</v>
      </c>
      <c r="Z6" s="52">
        <v>8</v>
      </c>
      <c r="AA6" s="52">
        <v>5</v>
      </c>
      <c r="AB6" s="52">
        <v>2</v>
      </c>
      <c r="AC6" s="52">
        <v>5</v>
      </c>
      <c r="AD6" s="52">
        <v>1</v>
      </c>
      <c r="AE6" s="53">
        <v>38</v>
      </c>
      <c r="AF6" s="54">
        <v>357</v>
      </c>
    </row>
    <row r="7" spans="1:32" ht="16.5" customHeight="1">
      <c r="A7" s="43"/>
      <c r="B7" s="55" t="s">
        <v>38</v>
      </c>
      <c r="C7" s="56">
        <f t="shared" si="1"/>
        <v>782</v>
      </c>
      <c r="D7" s="62">
        <v>63</v>
      </c>
      <c r="E7" s="63">
        <v>78</v>
      </c>
      <c r="F7" s="63">
        <v>285</v>
      </c>
      <c r="G7" s="63">
        <v>74</v>
      </c>
      <c r="H7" s="63">
        <v>64</v>
      </c>
      <c r="I7" s="63">
        <v>48</v>
      </c>
      <c r="J7" s="63">
        <v>82</v>
      </c>
      <c r="K7" s="63">
        <v>40</v>
      </c>
      <c r="L7" s="63">
        <v>6</v>
      </c>
      <c r="M7" s="64">
        <v>42</v>
      </c>
      <c r="N7" s="43"/>
      <c r="O7" s="55" t="s">
        <v>38</v>
      </c>
      <c r="P7" s="60">
        <v>290</v>
      </c>
      <c r="Q7" s="65">
        <v>6</v>
      </c>
      <c r="R7" s="66">
        <v>3</v>
      </c>
      <c r="S7" s="67">
        <v>3</v>
      </c>
      <c r="T7" s="67">
        <v>1</v>
      </c>
      <c r="U7" s="67">
        <v>1</v>
      </c>
      <c r="V7" s="68">
        <v>2</v>
      </c>
      <c r="W7" s="66">
        <v>23</v>
      </c>
      <c r="X7" s="67">
        <v>3</v>
      </c>
      <c r="Y7" s="67">
        <v>1</v>
      </c>
      <c r="Z7" s="67">
        <v>7</v>
      </c>
      <c r="AA7" s="67">
        <v>2</v>
      </c>
      <c r="AB7" s="67">
        <v>1</v>
      </c>
      <c r="AC7" s="67">
        <v>2</v>
      </c>
      <c r="AD7" s="67">
        <v>1</v>
      </c>
      <c r="AE7" s="69">
        <v>31</v>
      </c>
      <c r="AF7" s="70">
        <v>203</v>
      </c>
    </row>
    <row r="8" spans="1:32" ht="16.5" customHeight="1" thickBot="1">
      <c r="A8" s="71"/>
      <c r="B8" s="55" t="s">
        <v>39</v>
      </c>
      <c r="C8" s="56">
        <f t="shared" si="1"/>
        <v>385</v>
      </c>
      <c r="D8" s="72">
        <v>33</v>
      </c>
      <c r="E8" s="73">
        <v>42</v>
      </c>
      <c r="F8" s="73">
        <v>135</v>
      </c>
      <c r="G8" s="73">
        <v>37</v>
      </c>
      <c r="H8" s="73">
        <v>17</v>
      </c>
      <c r="I8" s="73">
        <v>32</v>
      </c>
      <c r="J8" s="73">
        <v>42</v>
      </c>
      <c r="K8" s="73">
        <v>17</v>
      </c>
      <c r="L8" s="73">
        <v>1</v>
      </c>
      <c r="M8" s="74">
        <v>29</v>
      </c>
      <c r="N8" s="71"/>
      <c r="O8" s="55" t="s">
        <v>39</v>
      </c>
      <c r="P8" s="60">
        <v>163</v>
      </c>
      <c r="Q8" s="65">
        <v>3</v>
      </c>
      <c r="R8" s="66">
        <v>1</v>
      </c>
      <c r="S8" s="67">
        <v>2</v>
      </c>
      <c r="T8" s="67">
        <v>1</v>
      </c>
      <c r="U8" s="67">
        <v>2</v>
      </c>
      <c r="V8" s="67">
        <v>2</v>
      </c>
      <c r="W8" s="67">
        <v>9</v>
      </c>
      <c r="X8" s="67">
        <v>1</v>
      </c>
      <c r="Y8" s="67">
        <v>0</v>
      </c>
      <c r="Z8" s="67">
        <v>3</v>
      </c>
      <c r="AA8" s="67">
        <v>0</v>
      </c>
      <c r="AB8" s="67">
        <v>0</v>
      </c>
      <c r="AC8" s="75">
        <v>1</v>
      </c>
      <c r="AD8" s="75">
        <v>0</v>
      </c>
      <c r="AE8" s="69">
        <v>21</v>
      </c>
      <c r="AF8" s="70">
        <v>117</v>
      </c>
    </row>
    <row r="9" spans="1:32" ht="16.5" customHeight="1" thickBot="1">
      <c r="A9" s="76" t="s">
        <v>40</v>
      </c>
      <c r="B9" s="77"/>
      <c r="C9" s="31">
        <f>SUM(D9:M9)</f>
        <v>3106</v>
      </c>
      <c r="D9" s="78">
        <f t="shared" ref="D9:M9" si="2">SUM(D10:D12,D20,D26,D31,D24,D17,D38,D44)</f>
        <v>213</v>
      </c>
      <c r="E9" s="79">
        <f t="shared" si="2"/>
        <v>557</v>
      </c>
      <c r="F9" s="79">
        <f t="shared" si="2"/>
        <v>1077</v>
      </c>
      <c r="G9" s="79">
        <f t="shared" si="2"/>
        <v>318</v>
      </c>
      <c r="H9" s="79">
        <f t="shared" si="2"/>
        <v>250</v>
      </c>
      <c r="I9" s="79">
        <f t="shared" si="2"/>
        <v>240</v>
      </c>
      <c r="J9" s="79">
        <f t="shared" si="2"/>
        <v>148</v>
      </c>
      <c r="K9" s="79">
        <f t="shared" si="2"/>
        <v>148</v>
      </c>
      <c r="L9" s="79">
        <f t="shared" si="2"/>
        <v>19</v>
      </c>
      <c r="M9" s="80">
        <f t="shared" si="2"/>
        <v>136</v>
      </c>
      <c r="N9" s="76" t="s">
        <v>40</v>
      </c>
      <c r="O9" s="77"/>
      <c r="P9" s="35">
        <v>1279</v>
      </c>
      <c r="Q9" s="36">
        <v>15</v>
      </c>
      <c r="R9" s="36">
        <v>3</v>
      </c>
      <c r="S9" s="36">
        <v>7</v>
      </c>
      <c r="T9" s="36">
        <v>8</v>
      </c>
      <c r="U9" s="36">
        <v>6</v>
      </c>
      <c r="V9" s="36">
        <v>9</v>
      </c>
      <c r="W9" s="36">
        <v>95</v>
      </c>
      <c r="X9" s="36">
        <v>4</v>
      </c>
      <c r="Y9" s="36">
        <v>3</v>
      </c>
      <c r="Z9" s="36">
        <v>27</v>
      </c>
      <c r="AA9" s="36">
        <v>3</v>
      </c>
      <c r="AB9" s="36">
        <v>1</v>
      </c>
      <c r="AC9" s="36">
        <v>6</v>
      </c>
      <c r="AD9" s="38">
        <v>1</v>
      </c>
      <c r="AE9" s="41">
        <v>173</v>
      </c>
      <c r="AF9" s="42">
        <v>918</v>
      </c>
    </row>
    <row r="10" spans="1:32" ht="16.5" customHeight="1" thickTop="1">
      <c r="A10" s="81"/>
      <c r="B10" s="82" t="s">
        <v>41</v>
      </c>
      <c r="C10" s="45">
        <f>SUM(D10:M10)</f>
        <v>488</v>
      </c>
      <c r="D10" s="83">
        <v>37</v>
      </c>
      <c r="E10" s="84">
        <v>86</v>
      </c>
      <c r="F10" s="84">
        <v>157</v>
      </c>
      <c r="G10" s="84">
        <v>50</v>
      </c>
      <c r="H10" s="84">
        <v>36</v>
      </c>
      <c r="I10" s="84">
        <v>37</v>
      </c>
      <c r="J10" s="84">
        <v>30</v>
      </c>
      <c r="K10" s="84">
        <v>30</v>
      </c>
      <c r="L10" s="85">
        <v>4</v>
      </c>
      <c r="M10" s="86">
        <v>21</v>
      </c>
      <c r="N10" s="87"/>
      <c r="O10" s="82" t="s">
        <v>41</v>
      </c>
      <c r="P10" s="88">
        <v>217</v>
      </c>
      <c r="Q10" s="89">
        <v>2</v>
      </c>
      <c r="R10" s="90">
        <v>1</v>
      </c>
      <c r="S10" s="90">
        <v>1</v>
      </c>
      <c r="T10" s="90"/>
      <c r="U10" s="90">
        <v>2</v>
      </c>
      <c r="V10" s="90">
        <v>1</v>
      </c>
      <c r="W10" s="90">
        <v>13</v>
      </c>
      <c r="X10" s="90"/>
      <c r="Y10" s="90">
        <v>1</v>
      </c>
      <c r="Z10" s="90">
        <v>5</v>
      </c>
      <c r="AA10" s="90"/>
      <c r="AB10" s="90"/>
      <c r="AC10" s="90"/>
      <c r="AD10" s="91"/>
      <c r="AE10" s="92">
        <v>29</v>
      </c>
      <c r="AF10" s="93">
        <v>162</v>
      </c>
    </row>
    <row r="11" spans="1:32" ht="16.5" customHeight="1">
      <c r="A11" s="94"/>
      <c r="B11" s="95" t="s">
        <v>42</v>
      </c>
      <c r="C11" s="96">
        <f>SUM(D11:M11)</f>
        <v>228</v>
      </c>
      <c r="D11" s="97">
        <v>11</v>
      </c>
      <c r="E11" s="98">
        <v>52</v>
      </c>
      <c r="F11" s="98">
        <v>62</v>
      </c>
      <c r="G11" s="98">
        <v>25</v>
      </c>
      <c r="H11" s="98">
        <v>17</v>
      </c>
      <c r="I11" s="98">
        <v>18</v>
      </c>
      <c r="J11" s="98">
        <v>14</v>
      </c>
      <c r="K11" s="98">
        <v>14</v>
      </c>
      <c r="L11" s="99"/>
      <c r="M11" s="100">
        <v>15</v>
      </c>
      <c r="N11" s="101"/>
      <c r="O11" s="95" t="s">
        <v>42</v>
      </c>
      <c r="P11" s="102">
        <v>95</v>
      </c>
      <c r="Q11" s="103"/>
      <c r="R11" s="103"/>
      <c r="S11" s="104">
        <v>1</v>
      </c>
      <c r="T11" s="104">
        <v>1</v>
      </c>
      <c r="U11" s="104">
        <v>1</v>
      </c>
      <c r="V11" s="104"/>
      <c r="W11" s="104">
        <v>6</v>
      </c>
      <c r="X11" s="104"/>
      <c r="Y11" s="104"/>
      <c r="Z11" s="104">
        <v>2</v>
      </c>
      <c r="AA11" s="104"/>
      <c r="AB11" s="104"/>
      <c r="AC11" s="104"/>
      <c r="AD11" s="105">
        <v>1</v>
      </c>
      <c r="AE11" s="106">
        <v>13</v>
      </c>
      <c r="AF11" s="107">
        <v>70</v>
      </c>
    </row>
    <row r="12" spans="1:32" ht="16.5" customHeight="1">
      <c r="A12" s="108" t="s">
        <v>43</v>
      </c>
      <c r="B12" s="109" t="s">
        <v>44</v>
      </c>
      <c r="C12" s="56">
        <f>SUM(D12:M12)</f>
        <v>304</v>
      </c>
      <c r="D12" s="110">
        <f t="shared" ref="D12:M12" si="3">SUM(D13:D16)</f>
        <v>20</v>
      </c>
      <c r="E12" s="111">
        <f t="shared" si="3"/>
        <v>60</v>
      </c>
      <c r="F12" s="111">
        <f t="shared" si="3"/>
        <v>107</v>
      </c>
      <c r="G12" s="111">
        <f t="shared" si="3"/>
        <v>28</v>
      </c>
      <c r="H12" s="111">
        <f t="shared" si="3"/>
        <v>26</v>
      </c>
      <c r="I12" s="111">
        <f t="shared" si="3"/>
        <v>27</v>
      </c>
      <c r="J12" s="111">
        <f t="shared" si="3"/>
        <v>11</v>
      </c>
      <c r="K12" s="111">
        <v>11</v>
      </c>
      <c r="L12" s="111">
        <f t="shared" si="3"/>
        <v>0</v>
      </c>
      <c r="M12" s="112">
        <f t="shared" si="3"/>
        <v>14</v>
      </c>
      <c r="N12" s="108" t="s">
        <v>43</v>
      </c>
      <c r="O12" s="109" t="s">
        <v>44</v>
      </c>
      <c r="P12" s="60">
        <v>164</v>
      </c>
      <c r="Q12" s="113">
        <v>2</v>
      </c>
      <c r="R12" s="114">
        <v>0</v>
      </c>
      <c r="S12" s="114">
        <v>0</v>
      </c>
      <c r="T12" s="114">
        <v>1</v>
      </c>
      <c r="U12" s="114">
        <v>0</v>
      </c>
      <c r="V12" s="114">
        <v>1</v>
      </c>
      <c r="W12" s="114">
        <v>12</v>
      </c>
      <c r="X12" s="114">
        <v>0</v>
      </c>
      <c r="Y12" s="114">
        <v>0</v>
      </c>
      <c r="Z12" s="114">
        <v>3</v>
      </c>
      <c r="AA12" s="114">
        <v>0</v>
      </c>
      <c r="AB12" s="114">
        <v>0</v>
      </c>
      <c r="AC12" s="114">
        <v>0</v>
      </c>
      <c r="AD12" s="115">
        <v>0</v>
      </c>
      <c r="AE12" s="116">
        <v>23</v>
      </c>
      <c r="AF12" s="117">
        <v>122</v>
      </c>
    </row>
    <row r="13" spans="1:32" ht="16.5" customHeight="1">
      <c r="A13" s="118"/>
      <c r="B13" s="95" t="s">
        <v>45</v>
      </c>
      <c r="C13" s="119">
        <f t="shared" si="1"/>
        <v>233</v>
      </c>
      <c r="D13" s="97">
        <v>14</v>
      </c>
      <c r="E13" s="98">
        <v>47</v>
      </c>
      <c r="F13" s="98">
        <v>86</v>
      </c>
      <c r="G13" s="98">
        <v>17</v>
      </c>
      <c r="H13" s="98">
        <v>22</v>
      </c>
      <c r="I13" s="98">
        <v>23</v>
      </c>
      <c r="J13" s="98">
        <v>7</v>
      </c>
      <c r="K13" s="98">
        <v>7</v>
      </c>
      <c r="L13" s="99"/>
      <c r="M13" s="100">
        <v>10</v>
      </c>
      <c r="N13" s="118"/>
      <c r="O13" s="95" t="s">
        <v>45</v>
      </c>
      <c r="P13" s="120">
        <v>119</v>
      </c>
      <c r="Q13" s="121">
        <v>1</v>
      </c>
      <c r="R13" s="122"/>
      <c r="S13" s="122"/>
      <c r="T13" s="122"/>
      <c r="U13" s="122"/>
      <c r="V13" s="122">
        <v>1</v>
      </c>
      <c r="W13" s="122">
        <v>9</v>
      </c>
      <c r="X13" s="123"/>
      <c r="Y13" s="123"/>
      <c r="Z13" s="122">
        <v>1</v>
      </c>
      <c r="AA13" s="122"/>
      <c r="AB13" s="122"/>
      <c r="AC13" s="122"/>
      <c r="AD13" s="124"/>
      <c r="AE13" s="125">
        <v>17</v>
      </c>
      <c r="AF13" s="126">
        <v>90</v>
      </c>
    </row>
    <row r="14" spans="1:32" ht="16.5" customHeight="1">
      <c r="A14" s="118"/>
      <c r="B14" s="127" t="s">
        <v>46</v>
      </c>
      <c r="C14" s="128">
        <f t="shared" si="1"/>
        <v>22</v>
      </c>
      <c r="D14" s="129">
        <v>1</v>
      </c>
      <c r="E14" s="130">
        <v>5</v>
      </c>
      <c r="F14" s="130">
        <v>4</v>
      </c>
      <c r="G14" s="130">
        <v>5</v>
      </c>
      <c r="H14" s="130">
        <v>2</v>
      </c>
      <c r="I14" s="130">
        <v>1</v>
      </c>
      <c r="J14" s="130">
        <v>1</v>
      </c>
      <c r="K14" s="130">
        <v>1</v>
      </c>
      <c r="L14" s="131"/>
      <c r="M14" s="132">
        <v>2</v>
      </c>
      <c r="N14" s="118"/>
      <c r="O14" s="127" t="s">
        <v>46</v>
      </c>
      <c r="P14" s="133">
        <v>15</v>
      </c>
      <c r="Q14" s="134">
        <v>1</v>
      </c>
      <c r="R14" s="135"/>
      <c r="S14" s="135"/>
      <c r="T14" s="135">
        <v>1</v>
      </c>
      <c r="U14" s="135"/>
      <c r="V14" s="135"/>
      <c r="W14" s="135">
        <v>1</v>
      </c>
      <c r="X14" s="136"/>
      <c r="Y14" s="136"/>
      <c r="Z14" s="135">
        <v>1</v>
      </c>
      <c r="AA14" s="135"/>
      <c r="AB14" s="135"/>
      <c r="AC14" s="135"/>
      <c r="AD14" s="137"/>
      <c r="AE14" s="138">
        <v>1</v>
      </c>
      <c r="AF14" s="139">
        <v>10</v>
      </c>
    </row>
    <row r="15" spans="1:32" ht="16.5" customHeight="1">
      <c r="A15" s="118"/>
      <c r="B15" s="140" t="s">
        <v>47</v>
      </c>
      <c r="C15" s="141">
        <f t="shared" si="1"/>
        <v>19</v>
      </c>
      <c r="D15" s="142">
        <v>2</v>
      </c>
      <c r="E15" s="143">
        <v>4</v>
      </c>
      <c r="F15" s="143">
        <v>5</v>
      </c>
      <c r="G15" s="143">
        <v>4</v>
      </c>
      <c r="H15" s="143">
        <v>1</v>
      </c>
      <c r="I15" s="143">
        <v>1</v>
      </c>
      <c r="J15" s="143">
        <v>1</v>
      </c>
      <c r="K15" s="143">
        <v>1</v>
      </c>
      <c r="L15" s="144"/>
      <c r="M15" s="145"/>
      <c r="N15" s="118"/>
      <c r="O15" s="140" t="s">
        <v>47</v>
      </c>
      <c r="P15" s="133">
        <v>11</v>
      </c>
      <c r="Q15" s="134"/>
      <c r="R15" s="135"/>
      <c r="S15" s="135"/>
      <c r="T15" s="135"/>
      <c r="U15" s="135"/>
      <c r="V15" s="135"/>
      <c r="W15" s="135">
        <v>1</v>
      </c>
      <c r="X15" s="136"/>
      <c r="Y15" s="136"/>
      <c r="Z15" s="135"/>
      <c r="AA15" s="135"/>
      <c r="AB15" s="135"/>
      <c r="AC15" s="135"/>
      <c r="AD15" s="137"/>
      <c r="AE15" s="138">
        <v>2</v>
      </c>
      <c r="AF15" s="139">
        <v>8</v>
      </c>
    </row>
    <row r="16" spans="1:32" ht="16.5" customHeight="1">
      <c r="A16" s="146"/>
      <c r="B16" s="140" t="s">
        <v>48</v>
      </c>
      <c r="C16" s="147">
        <f>SUM(D16:M16)</f>
        <v>30</v>
      </c>
      <c r="D16" s="142">
        <v>3</v>
      </c>
      <c r="E16" s="143">
        <v>4</v>
      </c>
      <c r="F16" s="143">
        <v>12</v>
      </c>
      <c r="G16" s="143">
        <v>2</v>
      </c>
      <c r="H16" s="143">
        <v>1</v>
      </c>
      <c r="I16" s="143">
        <v>2</v>
      </c>
      <c r="J16" s="143">
        <v>2</v>
      </c>
      <c r="K16" s="143">
        <v>2</v>
      </c>
      <c r="L16" s="144"/>
      <c r="M16" s="145">
        <v>2</v>
      </c>
      <c r="N16" s="146"/>
      <c r="O16" s="140" t="s">
        <v>48</v>
      </c>
      <c r="P16" s="88">
        <v>19</v>
      </c>
      <c r="Q16" s="134"/>
      <c r="R16" s="135"/>
      <c r="S16" s="135"/>
      <c r="T16" s="135"/>
      <c r="U16" s="135"/>
      <c r="V16" s="135"/>
      <c r="W16" s="135">
        <v>1</v>
      </c>
      <c r="X16" s="136"/>
      <c r="Y16" s="136"/>
      <c r="Z16" s="90">
        <v>1</v>
      </c>
      <c r="AA16" s="135"/>
      <c r="AB16" s="135"/>
      <c r="AC16" s="135"/>
      <c r="AD16" s="137"/>
      <c r="AE16" s="92">
        <v>3</v>
      </c>
      <c r="AF16" s="148">
        <v>14</v>
      </c>
    </row>
    <row r="17" spans="1:32" ht="16.5" customHeight="1">
      <c r="A17" s="149" t="s">
        <v>49</v>
      </c>
      <c r="B17" s="109" t="s">
        <v>44</v>
      </c>
      <c r="C17" s="56">
        <f>SUM(D17:M17)</f>
        <v>441</v>
      </c>
      <c r="D17" s="110">
        <f t="shared" ref="D17:M17" si="4">SUM(D18:D19)</f>
        <v>32</v>
      </c>
      <c r="E17" s="111">
        <f t="shared" si="4"/>
        <v>79</v>
      </c>
      <c r="F17" s="111">
        <f t="shared" si="4"/>
        <v>155</v>
      </c>
      <c r="G17" s="111">
        <f t="shared" si="4"/>
        <v>44</v>
      </c>
      <c r="H17" s="111">
        <f t="shared" si="4"/>
        <v>35</v>
      </c>
      <c r="I17" s="111">
        <f t="shared" si="4"/>
        <v>35</v>
      </c>
      <c r="J17" s="111">
        <f t="shared" si="4"/>
        <v>17</v>
      </c>
      <c r="K17" s="111">
        <v>17</v>
      </c>
      <c r="L17" s="111">
        <f t="shared" si="4"/>
        <v>4</v>
      </c>
      <c r="M17" s="112">
        <f t="shared" si="4"/>
        <v>23</v>
      </c>
      <c r="N17" s="149" t="s">
        <v>49</v>
      </c>
      <c r="O17" s="109" t="s">
        <v>44</v>
      </c>
      <c r="P17" s="60">
        <v>138</v>
      </c>
      <c r="Q17" s="113">
        <v>3</v>
      </c>
      <c r="R17" s="114">
        <v>2</v>
      </c>
      <c r="S17" s="114">
        <v>2</v>
      </c>
      <c r="T17" s="114">
        <v>1</v>
      </c>
      <c r="U17" s="114">
        <v>1</v>
      </c>
      <c r="V17" s="114">
        <v>1</v>
      </c>
      <c r="W17" s="114">
        <v>11</v>
      </c>
      <c r="X17" s="114">
        <v>1</v>
      </c>
      <c r="Y17" s="114">
        <v>1</v>
      </c>
      <c r="Z17" s="114">
        <v>6</v>
      </c>
      <c r="AA17" s="114">
        <v>1</v>
      </c>
      <c r="AB17" s="114">
        <v>1</v>
      </c>
      <c r="AC17" s="114">
        <v>2</v>
      </c>
      <c r="AD17" s="115">
        <v>0</v>
      </c>
      <c r="AE17" s="116">
        <v>18</v>
      </c>
      <c r="AF17" s="117">
        <v>87</v>
      </c>
    </row>
    <row r="18" spans="1:32" ht="16.5" customHeight="1">
      <c r="A18" s="149"/>
      <c r="B18" s="150" t="s">
        <v>50</v>
      </c>
      <c r="C18" s="119">
        <f>SUM(D18:M18)</f>
        <v>150</v>
      </c>
      <c r="D18" s="97">
        <v>11</v>
      </c>
      <c r="E18" s="98">
        <v>34</v>
      </c>
      <c r="F18" s="98">
        <v>62</v>
      </c>
      <c r="G18" s="98">
        <v>10</v>
      </c>
      <c r="H18" s="98">
        <v>10</v>
      </c>
      <c r="I18" s="98">
        <v>13</v>
      </c>
      <c r="J18" s="98">
        <v>3</v>
      </c>
      <c r="K18" s="98">
        <v>3</v>
      </c>
      <c r="L18" s="99">
        <v>1</v>
      </c>
      <c r="M18" s="100">
        <v>3</v>
      </c>
      <c r="N18" s="149"/>
      <c r="O18" s="150" t="s">
        <v>50</v>
      </c>
      <c r="P18" s="120">
        <v>72</v>
      </c>
      <c r="Q18" s="103">
        <v>1</v>
      </c>
      <c r="R18" s="135"/>
      <c r="S18" s="135"/>
      <c r="T18" s="135"/>
      <c r="U18" s="135"/>
      <c r="V18" s="135"/>
      <c r="W18" s="104">
        <v>5</v>
      </c>
      <c r="X18" s="136"/>
      <c r="Y18" s="136"/>
      <c r="Z18" s="104">
        <v>4</v>
      </c>
      <c r="AA18" s="136"/>
      <c r="AB18" s="136"/>
      <c r="AC18" s="104">
        <v>1</v>
      </c>
      <c r="AD18" s="105"/>
      <c r="AE18" s="106">
        <v>10</v>
      </c>
      <c r="AF18" s="107">
        <v>51</v>
      </c>
    </row>
    <row r="19" spans="1:32" ht="16.5" customHeight="1">
      <c r="A19" s="149"/>
      <c r="B19" s="151" t="s">
        <v>51</v>
      </c>
      <c r="C19" s="152">
        <f>SUM(D19:M19)</f>
        <v>291</v>
      </c>
      <c r="D19" s="142">
        <v>21</v>
      </c>
      <c r="E19" s="143">
        <v>45</v>
      </c>
      <c r="F19" s="143">
        <v>93</v>
      </c>
      <c r="G19" s="143">
        <v>34</v>
      </c>
      <c r="H19" s="143">
        <v>25</v>
      </c>
      <c r="I19" s="143">
        <v>22</v>
      </c>
      <c r="J19" s="143">
        <v>14</v>
      </c>
      <c r="K19" s="143">
        <v>14</v>
      </c>
      <c r="L19" s="144">
        <v>3</v>
      </c>
      <c r="M19" s="145">
        <v>20</v>
      </c>
      <c r="N19" s="149"/>
      <c r="O19" s="151" t="s">
        <v>51</v>
      </c>
      <c r="P19" s="88">
        <v>66</v>
      </c>
      <c r="Q19" s="153">
        <v>2</v>
      </c>
      <c r="R19" s="154">
        <v>2</v>
      </c>
      <c r="S19" s="154">
        <v>2</v>
      </c>
      <c r="T19" s="154">
        <v>1</v>
      </c>
      <c r="U19" s="154">
        <v>1</v>
      </c>
      <c r="V19" s="154">
        <v>1</v>
      </c>
      <c r="W19" s="154">
        <v>6</v>
      </c>
      <c r="X19" s="154">
        <v>1</v>
      </c>
      <c r="Y19" s="154">
        <v>1</v>
      </c>
      <c r="Z19" s="154">
        <v>2</v>
      </c>
      <c r="AA19" s="154">
        <v>1</v>
      </c>
      <c r="AB19" s="154">
        <v>1</v>
      </c>
      <c r="AC19" s="154">
        <v>1</v>
      </c>
      <c r="AD19" s="155"/>
      <c r="AE19" s="156">
        <v>8</v>
      </c>
      <c r="AF19" s="157">
        <v>36</v>
      </c>
    </row>
    <row r="20" spans="1:32" ht="16.5" customHeight="1">
      <c r="A20" s="158" t="s">
        <v>52</v>
      </c>
      <c r="B20" s="109" t="s">
        <v>44</v>
      </c>
      <c r="C20" s="56">
        <f>SUM(D20:M20)</f>
        <v>347</v>
      </c>
      <c r="D20" s="110">
        <f t="shared" ref="D20:M20" si="5">SUM(D21:D23)</f>
        <v>20</v>
      </c>
      <c r="E20" s="111">
        <f t="shared" si="5"/>
        <v>73</v>
      </c>
      <c r="F20" s="111">
        <f t="shared" si="5"/>
        <v>127</v>
      </c>
      <c r="G20" s="111">
        <f t="shared" si="5"/>
        <v>45</v>
      </c>
      <c r="H20" s="111">
        <f t="shared" si="5"/>
        <v>29</v>
      </c>
      <c r="I20" s="111">
        <f t="shared" si="5"/>
        <v>27</v>
      </c>
      <c r="J20" s="111">
        <f t="shared" si="5"/>
        <v>8</v>
      </c>
      <c r="K20" s="111">
        <v>8</v>
      </c>
      <c r="L20" s="111">
        <f t="shared" si="5"/>
        <v>3</v>
      </c>
      <c r="M20" s="112">
        <f t="shared" si="5"/>
        <v>7</v>
      </c>
      <c r="N20" s="108" t="s">
        <v>52</v>
      </c>
      <c r="O20" s="109" t="s">
        <v>44</v>
      </c>
      <c r="P20" s="60">
        <v>135</v>
      </c>
      <c r="Q20" s="113">
        <v>1</v>
      </c>
      <c r="R20" s="114">
        <v>0</v>
      </c>
      <c r="S20" s="114">
        <v>0</v>
      </c>
      <c r="T20" s="114">
        <v>0</v>
      </c>
      <c r="U20" s="114">
        <v>0</v>
      </c>
      <c r="V20" s="114">
        <v>2</v>
      </c>
      <c r="W20" s="114">
        <v>9</v>
      </c>
      <c r="X20" s="114">
        <v>1</v>
      </c>
      <c r="Y20" s="114">
        <v>1</v>
      </c>
      <c r="Z20" s="114">
        <v>4</v>
      </c>
      <c r="AA20" s="114">
        <v>1</v>
      </c>
      <c r="AB20" s="114">
        <v>0</v>
      </c>
      <c r="AC20" s="114">
        <v>2</v>
      </c>
      <c r="AD20" s="115">
        <v>0</v>
      </c>
      <c r="AE20" s="116">
        <v>14</v>
      </c>
      <c r="AF20" s="117">
        <v>100</v>
      </c>
    </row>
    <row r="21" spans="1:32" ht="16.5" customHeight="1">
      <c r="A21" s="159"/>
      <c r="B21" s="95" t="s">
        <v>53</v>
      </c>
      <c r="C21" s="96">
        <f t="shared" si="1"/>
        <v>291</v>
      </c>
      <c r="D21" s="160">
        <v>17</v>
      </c>
      <c r="E21" s="161">
        <v>60</v>
      </c>
      <c r="F21" s="161">
        <v>110</v>
      </c>
      <c r="G21" s="161">
        <v>31</v>
      </c>
      <c r="H21" s="161">
        <v>24</v>
      </c>
      <c r="I21" s="161">
        <v>25</v>
      </c>
      <c r="J21" s="161">
        <v>7</v>
      </c>
      <c r="K21" s="161">
        <v>7</v>
      </c>
      <c r="L21" s="99">
        <v>3</v>
      </c>
      <c r="M21" s="100">
        <v>7</v>
      </c>
      <c r="N21" s="118"/>
      <c r="O21" s="95" t="s">
        <v>53</v>
      </c>
      <c r="P21" s="102">
        <v>95</v>
      </c>
      <c r="Q21" s="103">
        <v>1</v>
      </c>
      <c r="R21" s="135"/>
      <c r="S21" s="135"/>
      <c r="T21" s="135"/>
      <c r="U21" s="135"/>
      <c r="V21" s="104">
        <v>1</v>
      </c>
      <c r="W21" s="104">
        <v>6</v>
      </c>
      <c r="X21" s="104">
        <v>1</v>
      </c>
      <c r="Y21" s="104">
        <v>1</v>
      </c>
      <c r="Z21" s="104">
        <v>4</v>
      </c>
      <c r="AA21" s="104">
        <v>1</v>
      </c>
      <c r="AB21" s="104"/>
      <c r="AC21" s="104">
        <v>2</v>
      </c>
      <c r="AD21" s="105"/>
      <c r="AE21" s="106">
        <v>9</v>
      </c>
      <c r="AF21" s="107">
        <v>69</v>
      </c>
    </row>
    <row r="22" spans="1:32" ht="16.5" customHeight="1">
      <c r="A22" s="159"/>
      <c r="B22" s="127" t="s">
        <v>54</v>
      </c>
      <c r="C22" s="162">
        <f t="shared" si="1"/>
        <v>35</v>
      </c>
      <c r="D22" s="129">
        <v>3</v>
      </c>
      <c r="E22" s="130">
        <v>11</v>
      </c>
      <c r="F22" s="130">
        <v>14</v>
      </c>
      <c r="G22" s="130">
        <v>2</v>
      </c>
      <c r="H22" s="130">
        <v>3</v>
      </c>
      <c r="I22" s="130">
        <v>2</v>
      </c>
      <c r="J22" s="130"/>
      <c r="K22" s="130"/>
      <c r="L22" s="131"/>
      <c r="M22" s="132"/>
      <c r="N22" s="118"/>
      <c r="O22" s="127" t="s">
        <v>54</v>
      </c>
      <c r="P22" s="163">
        <v>27</v>
      </c>
      <c r="Q22" s="134"/>
      <c r="R22" s="135"/>
      <c r="S22" s="135"/>
      <c r="T22" s="135"/>
      <c r="U22" s="135"/>
      <c r="V22" s="135"/>
      <c r="W22" s="135">
        <v>2</v>
      </c>
      <c r="X22" s="135"/>
      <c r="Y22" s="135"/>
      <c r="Z22" s="135"/>
      <c r="AA22" s="135"/>
      <c r="AB22" s="135"/>
      <c r="AC22" s="135"/>
      <c r="AD22" s="137"/>
      <c r="AE22" s="138">
        <v>4</v>
      </c>
      <c r="AF22" s="139">
        <v>21</v>
      </c>
    </row>
    <row r="23" spans="1:32" ht="16.5" customHeight="1">
      <c r="A23" s="159"/>
      <c r="B23" s="140" t="s">
        <v>55</v>
      </c>
      <c r="C23" s="164">
        <f t="shared" si="1"/>
        <v>21</v>
      </c>
      <c r="D23" s="142"/>
      <c r="E23" s="143">
        <v>2</v>
      </c>
      <c r="F23" s="143">
        <v>3</v>
      </c>
      <c r="G23" s="143">
        <v>12</v>
      </c>
      <c r="H23" s="143">
        <v>2</v>
      </c>
      <c r="I23" s="143"/>
      <c r="J23" s="143">
        <v>1</v>
      </c>
      <c r="K23" s="143">
        <v>1</v>
      </c>
      <c r="L23" s="144"/>
      <c r="M23" s="145"/>
      <c r="N23" s="118"/>
      <c r="O23" s="140" t="s">
        <v>55</v>
      </c>
      <c r="P23" s="165">
        <v>13</v>
      </c>
      <c r="Q23" s="134"/>
      <c r="R23" s="135"/>
      <c r="S23" s="135"/>
      <c r="T23" s="135"/>
      <c r="U23" s="135"/>
      <c r="V23" s="154">
        <v>1</v>
      </c>
      <c r="W23" s="154">
        <v>1</v>
      </c>
      <c r="X23" s="135"/>
      <c r="Y23" s="135"/>
      <c r="Z23" s="135"/>
      <c r="AA23" s="135"/>
      <c r="AB23" s="135"/>
      <c r="AC23" s="135"/>
      <c r="AD23" s="137"/>
      <c r="AE23" s="156">
        <v>1</v>
      </c>
      <c r="AF23" s="157">
        <v>10</v>
      </c>
    </row>
    <row r="24" spans="1:32" ht="16.5" customHeight="1">
      <c r="A24" s="149" t="s">
        <v>56</v>
      </c>
      <c r="B24" s="109" t="s">
        <v>44</v>
      </c>
      <c r="C24" s="56">
        <f>SUM(D24:M24)</f>
        <v>25</v>
      </c>
      <c r="D24" s="110">
        <f>SUM(D25)</f>
        <v>2</v>
      </c>
      <c r="E24" s="111">
        <f t="shared" ref="E24:M24" si="6">SUM(E25)</f>
        <v>5</v>
      </c>
      <c r="F24" s="111">
        <f t="shared" si="6"/>
        <v>8</v>
      </c>
      <c r="G24" s="111">
        <f t="shared" si="6"/>
        <v>1</v>
      </c>
      <c r="H24" s="111">
        <f t="shared" si="6"/>
        <v>2</v>
      </c>
      <c r="I24" s="111">
        <f t="shared" si="6"/>
        <v>3</v>
      </c>
      <c r="J24" s="111">
        <f t="shared" si="6"/>
        <v>1</v>
      </c>
      <c r="K24" s="111">
        <v>1</v>
      </c>
      <c r="L24" s="111">
        <f t="shared" si="6"/>
        <v>0</v>
      </c>
      <c r="M24" s="112">
        <f t="shared" si="6"/>
        <v>2</v>
      </c>
      <c r="N24" s="149" t="s">
        <v>56</v>
      </c>
      <c r="O24" s="109" t="s">
        <v>44</v>
      </c>
      <c r="P24" s="60">
        <v>23</v>
      </c>
      <c r="Q24" s="113">
        <v>0</v>
      </c>
      <c r="R24" s="114">
        <v>0</v>
      </c>
      <c r="S24" s="114">
        <v>0</v>
      </c>
      <c r="T24" s="114">
        <v>0</v>
      </c>
      <c r="U24" s="114">
        <v>0</v>
      </c>
      <c r="V24" s="114">
        <v>0</v>
      </c>
      <c r="W24" s="114">
        <v>1</v>
      </c>
      <c r="X24" s="114">
        <v>0</v>
      </c>
      <c r="Y24" s="114">
        <v>0</v>
      </c>
      <c r="Z24" s="114">
        <v>0</v>
      </c>
      <c r="AA24" s="114">
        <v>0</v>
      </c>
      <c r="AB24" s="114">
        <v>0</v>
      </c>
      <c r="AC24" s="114">
        <v>0</v>
      </c>
      <c r="AD24" s="115">
        <v>0</v>
      </c>
      <c r="AE24" s="116">
        <v>3</v>
      </c>
      <c r="AF24" s="117">
        <v>19</v>
      </c>
    </row>
    <row r="25" spans="1:32" ht="16.5" customHeight="1">
      <c r="A25" s="149"/>
      <c r="B25" s="166" t="s">
        <v>57</v>
      </c>
      <c r="C25" s="56">
        <f>SUM(D25:M25)</f>
        <v>25</v>
      </c>
      <c r="D25" s="167">
        <v>2</v>
      </c>
      <c r="E25" s="168">
        <v>5</v>
      </c>
      <c r="F25" s="168">
        <v>8</v>
      </c>
      <c r="G25" s="168">
        <v>1</v>
      </c>
      <c r="H25" s="168">
        <v>2</v>
      </c>
      <c r="I25" s="168">
        <v>3</v>
      </c>
      <c r="J25" s="168">
        <v>1</v>
      </c>
      <c r="K25" s="168">
        <v>1</v>
      </c>
      <c r="L25" s="169"/>
      <c r="M25" s="170">
        <v>2</v>
      </c>
      <c r="N25" s="149"/>
      <c r="O25" s="166" t="s">
        <v>57</v>
      </c>
      <c r="P25" s="60">
        <v>23</v>
      </c>
      <c r="Q25" s="134"/>
      <c r="R25" s="135"/>
      <c r="S25" s="135"/>
      <c r="T25" s="135"/>
      <c r="U25" s="135"/>
      <c r="V25" s="135"/>
      <c r="W25" s="171">
        <v>1</v>
      </c>
      <c r="X25" s="135"/>
      <c r="Y25" s="135"/>
      <c r="Z25" s="135"/>
      <c r="AA25" s="135"/>
      <c r="AB25" s="135"/>
      <c r="AC25" s="135"/>
      <c r="AD25" s="137"/>
      <c r="AE25" s="172">
        <v>3</v>
      </c>
      <c r="AF25" s="173">
        <v>19</v>
      </c>
    </row>
    <row r="26" spans="1:32" ht="16.5" customHeight="1">
      <c r="A26" s="159" t="s">
        <v>58</v>
      </c>
      <c r="B26" s="109" t="s">
        <v>44</v>
      </c>
      <c r="C26" s="56">
        <f>SUM(D26:M26)</f>
        <v>307</v>
      </c>
      <c r="D26" s="110">
        <f t="shared" ref="D26:M26" si="7">SUM(D27:D30)</f>
        <v>21</v>
      </c>
      <c r="E26" s="111">
        <f t="shared" si="7"/>
        <v>52</v>
      </c>
      <c r="F26" s="111">
        <f t="shared" si="7"/>
        <v>105</v>
      </c>
      <c r="G26" s="111">
        <f t="shared" si="7"/>
        <v>28</v>
      </c>
      <c r="H26" s="111">
        <f t="shared" si="7"/>
        <v>26</v>
      </c>
      <c r="I26" s="111">
        <f t="shared" si="7"/>
        <v>21</v>
      </c>
      <c r="J26" s="111">
        <f t="shared" si="7"/>
        <v>19</v>
      </c>
      <c r="K26" s="111">
        <v>19</v>
      </c>
      <c r="L26" s="111">
        <f t="shared" si="7"/>
        <v>1</v>
      </c>
      <c r="M26" s="112">
        <f t="shared" si="7"/>
        <v>15</v>
      </c>
      <c r="N26" s="118" t="s">
        <v>58</v>
      </c>
      <c r="O26" s="109" t="s">
        <v>44</v>
      </c>
      <c r="P26" s="60">
        <v>113</v>
      </c>
      <c r="Q26" s="174">
        <v>2</v>
      </c>
      <c r="R26" s="175">
        <v>0</v>
      </c>
      <c r="S26" s="175">
        <v>1</v>
      </c>
      <c r="T26" s="175">
        <v>2</v>
      </c>
      <c r="U26" s="175">
        <v>0</v>
      </c>
      <c r="V26" s="175">
        <v>1</v>
      </c>
      <c r="W26" s="175">
        <v>10</v>
      </c>
      <c r="X26" s="175">
        <v>0</v>
      </c>
      <c r="Y26" s="175">
        <v>0</v>
      </c>
      <c r="Z26" s="175">
        <v>2</v>
      </c>
      <c r="AA26" s="175">
        <v>1</v>
      </c>
      <c r="AB26" s="175">
        <v>0</v>
      </c>
      <c r="AC26" s="175">
        <v>0</v>
      </c>
      <c r="AD26" s="176">
        <v>0</v>
      </c>
      <c r="AE26" s="177">
        <v>12</v>
      </c>
      <c r="AF26" s="178">
        <v>82</v>
      </c>
    </row>
    <row r="27" spans="1:32" ht="16.5" customHeight="1">
      <c r="A27" s="159"/>
      <c r="B27" s="95" t="s">
        <v>59</v>
      </c>
      <c r="C27" s="119">
        <f t="shared" si="1"/>
        <v>254</v>
      </c>
      <c r="D27" s="97">
        <v>19</v>
      </c>
      <c r="E27" s="98">
        <v>44</v>
      </c>
      <c r="F27" s="98">
        <v>81</v>
      </c>
      <c r="G27" s="98">
        <v>24</v>
      </c>
      <c r="H27" s="98">
        <v>23</v>
      </c>
      <c r="I27" s="98">
        <v>17</v>
      </c>
      <c r="J27" s="98">
        <v>17</v>
      </c>
      <c r="K27" s="98">
        <v>17</v>
      </c>
      <c r="L27" s="99">
        <v>1</v>
      </c>
      <c r="M27" s="100">
        <v>11</v>
      </c>
      <c r="N27" s="118"/>
      <c r="O27" s="95" t="s">
        <v>59</v>
      </c>
      <c r="P27" s="120">
        <v>97</v>
      </c>
      <c r="Q27" s="103">
        <v>1</v>
      </c>
      <c r="R27" s="135"/>
      <c r="S27" s="104">
        <v>1</v>
      </c>
      <c r="T27" s="104">
        <v>2</v>
      </c>
      <c r="U27" s="104"/>
      <c r="V27" s="104">
        <v>1</v>
      </c>
      <c r="W27" s="179">
        <v>8</v>
      </c>
      <c r="X27" s="104"/>
      <c r="Y27" s="104"/>
      <c r="Z27" s="104">
        <v>2</v>
      </c>
      <c r="AA27" s="104">
        <v>1</v>
      </c>
      <c r="AB27" s="104"/>
      <c r="AC27" s="104"/>
      <c r="AD27" s="105"/>
      <c r="AE27" s="106">
        <v>11</v>
      </c>
      <c r="AF27" s="107">
        <v>70</v>
      </c>
    </row>
    <row r="28" spans="1:32" ht="16.5" customHeight="1">
      <c r="A28" s="159"/>
      <c r="B28" s="127" t="s">
        <v>60</v>
      </c>
      <c r="C28" s="162">
        <f t="shared" si="1"/>
        <v>12</v>
      </c>
      <c r="D28" s="129"/>
      <c r="E28" s="130">
        <v>2</v>
      </c>
      <c r="F28" s="130">
        <v>10</v>
      </c>
      <c r="G28" s="130"/>
      <c r="H28" s="130"/>
      <c r="I28" s="130"/>
      <c r="J28" s="130"/>
      <c r="K28" s="130"/>
      <c r="L28" s="131"/>
      <c r="M28" s="132"/>
      <c r="N28" s="118"/>
      <c r="O28" s="127" t="s">
        <v>60</v>
      </c>
      <c r="P28" s="133">
        <v>3</v>
      </c>
      <c r="Q28" s="134"/>
      <c r="R28" s="135"/>
      <c r="S28" s="135"/>
      <c r="T28" s="135"/>
      <c r="U28" s="135"/>
      <c r="V28" s="135"/>
      <c r="W28" s="180"/>
      <c r="X28" s="135"/>
      <c r="Y28" s="135"/>
      <c r="Z28" s="135"/>
      <c r="AA28" s="135"/>
      <c r="AB28" s="135"/>
      <c r="AC28" s="135"/>
      <c r="AD28" s="137"/>
      <c r="AE28" s="181"/>
      <c r="AF28" s="182">
        <v>3</v>
      </c>
    </row>
    <row r="29" spans="1:32" ht="16.5" customHeight="1">
      <c r="A29" s="159"/>
      <c r="B29" s="127" t="s">
        <v>61</v>
      </c>
      <c r="C29" s="162">
        <f t="shared" si="1"/>
        <v>0</v>
      </c>
      <c r="D29" s="129"/>
      <c r="E29" s="130"/>
      <c r="F29" s="130"/>
      <c r="G29" s="130"/>
      <c r="H29" s="130"/>
      <c r="I29" s="130"/>
      <c r="J29" s="130"/>
      <c r="K29" s="130"/>
      <c r="L29" s="183"/>
      <c r="M29" s="184"/>
      <c r="N29" s="118"/>
      <c r="O29" s="127" t="s">
        <v>61</v>
      </c>
      <c r="P29" s="185">
        <v>1</v>
      </c>
      <c r="Q29" s="134"/>
      <c r="R29" s="135"/>
      <c r="S29" s="135"/>
      <c r="T29" s="135"/>
      <c r="U29" s="135"/>
      <c r="V29" s="135"/>
      <c r="W29" s="180"/>
      <c r="X29" s="135"/>
      <c r="Y29" s="135"/>
      <c r="Z29" s="135"/>
      <c r="AA29" s="135"/>
      <c r="AB29" s="135"/>
      <c r="AC29" s="135"/>
      <c r="AD29" s="137"/>
      <c r="AE29" s="181"/>
      <c r="AF29" s="182">
        <v>1</v>
      </c>
    </row>
    <row r="30" spans="1:32" ht="16.5" customHeight="1">
      <c r="A30" s="159"/>
      <c r="B30" s="140" t="s">
        <v>62</v>
      </c>
      <c r="C30" s="45">
        <f t="shared" si="1"/>
        <v>41</v>
      </c>
      <c r="D30" s="142">
        <v>2</v>
      </c>
      <c r="E30" s="143">
        <v>6</v>
      </c>
      <c r="F30" s="143">
        <v>14</v>
      </c>
      <c r="G30" s="143">
        <v>4</v>
      </c>
      <c r="H30" s="143">
        <v>3</v>
      </c>
      <c r="I30" s="143">
        <v>4</v>
      </c>
      <c r="J30" s="143">
        <v>2</v>
      </c>
      <c r="K30" s="186">
        <v>2</v>
      </c>
      <c r="L30" s="144"/>
      <c r="M30" s="145">
        <v>4</v>
      </c>
      <c r="N30" s="118"/>
      <c r="O30" s="140" t="s">
        <v>62</v>
      </c>
      <c r="P30" s="165">
        <v>12</v>
      </c>
      <c r="Q30" s="134">
        <v>1</v>
      </c>
      <c r="R30" s="135"/>
      <c r="S30" s="135"/>
      <c r="T30" s="135"/>
      <c r="U30" s="135"/>
      <c r="V30" s="135"/>
      <c r="W30" s="154">
        <v>2</v>
      </c>
      <c r="X30" s="135"/>
      <c r="Y30" s="135"/>
      <c r="Z30" s="135"/>
      <c r="AA30" s="135"/>
      <c r="AB30" s="135"/>
      <c r="AC30" s="135"/>
      <c r="AD30" s="137"/>
      <c r="AE30" s="181">
        <v>1</v>
      </c>
      <c r="AF30" s="157">
        <v>8</v>
      </c>
    </row>
    <row r="31" spans="1:32" ht="16.5" customHeight="1">
      <c r="A31" s="149" t="s">
        <v>63</v>
      </c>
      <c r="B31" s="109" t="s">
        <v>44</v>
      </c>
      <c r="C31" s="119">
        <f t="shared" si="1"/>
        <v>63</v>
      </c>
      <c r="D31" s="187">
        <f t="shared" ref="D31:M31" si="8">SUM(D32:D37)</f>
        <v>6</v>
      </c>
      <c r="E31" s="188">
        <f t="shared" si="8"/>
        <v>7</v>
      </c>
      <c r="F31" s="188">
        <f t="shared" si="8"/>
        <v>26</v>
      </c>
      <c r="G31" s="188">
        <f t="shared" si="8"/>
        <v>6</v>
      </c>
      <c r="H31" s="188">
        <f t="shared" si="8"/>
        <v>5</v>
      </c>
      <c r="I31" s="188">
        <f t="shared" si="8"/>
        <v>6</v>
      </c>
      <c r="J31" s="188">
        <f t="shared" si="8"/>
        <v>2</v>
      </c>
      <c r="K31" s="188">
        <v>2</v>
      </c>
      <c r="L31" s="188">
        <f t="shared" si="8"/>
        <v>1</v>
      </c>
      <c r="M31" s="189">
        <f t="shared" si="8"/>
        <v>2</v>
      </c>
      <c r="N31" s="149" t="s">
        <v>63</v>
      </c>
      <c r="O31" s="109" t="s">
        <v>44</v>
      </c>
      <c r="P31" s="102">
        <v>45</v>
      </c>
      <c r="Q31" s="190">
        <v>1</v>
      </c>
      <c r="R31" s="191">
        <v>0</v>
      </c>
      <c r="S31" s="191">
        <v>0</v>
      </c>
      <c r="T31" s="191">
        <v>1</v>
      </c>
      <c r="U31" s="191">
        <v>0</v>
      </c>
      <c r="V31" s="191">
        <v>1</v>
      </c>
      <c r="W31" s="191">
        <v>4</v>
      </c>
      <c r="X31" s="191">
        <v>0</v>
      </c>
      <c r="Y31" s="191">
        <v>0</v>
      </c>
      <c r="Z31" s="191">
        <v>0</v>
      </c>
      <c r="AA31" s="191">
        <v>0</v>
      </c>
      <c r="AB31" s="191">
        <v>0</v>
      </c>
      <c r="AC31" s="191">
        <v>1</v>
      </c>
      <c r="AD31" s="192">
        <v>0</v>
      </c>
      <c r="AE31" s="193">
        <v>5</v>
      </c>
      <c r="AF31" s="194">
        <v>32</v>
      </c>
    </row>
    <row r="32" spans="1:32" ht="16.5" customHeight="1">
      <c r="A32" s="149"/>
      <c r="B32" s="150" t="s">
        <v>64</v>
      </c>
      <c r="C32" s="96">
        <f t="shared" si="1"/>
        <v>8</v>
      </c>
      <c r="D32" s="97"/>
      <c r="E32" s="98"/>
      <c r="F32" s="98">
        <v>4</v>
      </c>
      <c r="G32" s="98"/>
      <c r="H32" s="98">
        <v>2</v>
      </c>
      <c r="I32" s="98">
        <v>2</v>
      </c>
      <c r="J32" s="98"/>
      <c r="K32" s="98"/>
      <c r="L32" s="99"/>
      <c r="M32" s="100"/>
      <c r="N32" s="149"/>
      <c r="O32" s="150" t="s">
        <v>64</v>
      </c>
      <c r="P32" s="120">
        <v>12</v>
      </c>
      <c r="Q32" s="195"/>
      <c r="R32" s="196"/>
      <c r="S32" s="196"/>
      <c r="T32" s="196"/>
      <c r="U32" s="196"/>
      <c r="V32" s="196"/>
      <c r="W32" s="196">
        <v>1</v>
      </c>
      <c r="X32" s="196"/>
      <c r="Y32" s="196"/>
      <c r="Z32" s="196"/>
      <c r="AA32" s="196"/>
      <c r="AB32" s="196"/>
      <c r="AC32" s="196"/>
      <c r="AD32" s="197"/>
      <c r="AE32" s="198">
        <v>1</v>
      </c>
      <c r="AF32" s="199">
        <v>10</v>
      </c>
    </row>
    <row r="33" spans="1:32" ht="16.5" customHeight="1">
      <c r="A33" s="149"/>
      <c r="B33" s="200" t="s">
        <v>65</v>
      </c>
      <c r="C33" s="162">
        <f t="shared" si="1"/>
        <v>1</v>
      </c>
      <c r="D33" s="201"/>
      <c r="E33" s="202"/>
      <c r="F33" s="202">
        <v>1</v>
      </c>
      <c r="G33" s="202"/>
      <c r="H33" s="202"/>
      <c r="I33" s="202"/>
      <c r="J33" s="202"/>
      <c r="K33" s="202"/>
      <c r="L33" s="131"/>
      <c r="M33" s="132"/>
      <c r="N33" s="149"/>
      <c r="O33" s="200" t="s">
        <v>65</v>
      </c>
      <c r="P33" s="185">
        <v>5</v>
      </c>
      <c r="Q33" s="203"/>
      <c r="R33" s="180"/>
      <c r="S33" s="180"/>
      <c r="T33" s="180"/>
      <c r="U33" s="180"/>
      <c r="V33" s="180"/>
      <c r="W33" s="180"/>
      <c r="X33" s="180"/>
      <c r="Y33" s="180"/>
      <c r="Z33" s="180"/>
      <c r="AA33" s="180"/>
      <c r="AB33" s="180"/>
      <c r="AC33" s="180"/>
      <c r="AD33" s="204"/>
      <c r="AE33" s="181">
        <v>1</v>
      </c>
      <c r="AF33" s="182">
        <v>4</v>
      </c>
    </row>
    <row r="34" spans="1:32" ht="16.5" customHeight="1">
      <c r="A34" s="149"/>
      <c r="B34" s="200" t="s">
        <v>66</v>
      </c>
      <c r="C34" s="162">
        <f t="shared" si="1"/>
        <v>7</v>
      </c>
      <c r="D34" s="129"/>
      <c r="E34" s="130">
        <v>3</v>
      </c>
      <c r="F34" s="130">
        <v>2</v>
      </c>
      <c r="G34" s="130"/>
      <c r="H34" s="130">
        <v>2</v>
      </c>
      <c r="I34" s="130"/>
      <c r="J34" s="130"/>
      <c r="K34" s="130"/>
      <c r="L34" s="131"/>
      <c r="M34" s="132"/>
      <c r="N34" s="149"/>
      <c r="O34" s="200" t="s">
        <v>66</v>
      </c>
      <c r="P34" s="163">
        <v>7</v>
      </c>
      <c r="Q34" s="203"/>
      <c r="R34" s="180"/>
      <c r="S34" s="180"/>
      <c r="T34" s="180"/>
      <c r="U34" s="180"/>
      <c r="V34" s="180"/>
      <c r="W34" s="180">
        <v>1</v>
      </c>
      <c r="X34" s="180"/>
      <c r="Y34" s="180"/>
      <c r="Z34" s="180"/>
      <c r="AA34" s="180"/>
      <c r="AB34" s="180"/>
      <c r="AC34" s="180"/>
      <c r="AD34" s="204"/>
      <c r="AE34" s="181">
        <v>1</v>
      </c>
      <c r="AF34" s="182">
        <v>5</v>
      </c>
    </row>
    <row r="35" spans="1:32" ht="16.5" customHeight="1">
      <c r="A35" s="149"/>
      <c r="B35" s="200" t="s">
        <v>67</v>
      </c>
      <c r="C35" s="162">
        <f t="shared" si="1"/>
        <v>28</v>
      </c>
      <c r="D35" s="129">
        <v>5</v>
      </c>
      <c r="E35" s="130"/>
      <c r="F35" s="130">
        <v>8</v>
      </c>
      <c r="G35" s="130">
        <v>5</v>
      </c>
      <c r="H35" s="130"/>
      <c r="I35" s="130">
        <v>3</v>
      </c>
      <c r="J35" s="130">
        <v>2</v>
      </c>
      <c r="K35" s="130">
        <v>2</v>
      </c>
      <c r="L35" s="131">
        <v>1</v>
      </c>
      <c r="M35" s="132">
        <v>2</v>
      </c>
      <c r="N35" s="149"/>
      <c r="O35" s="200" t="s">
        <v>67</v>
      </c>
      <c r="P35" s="133">
        <v>7</v>
      </c>
      <c r="Q35" s="134">
        <v>1</v>
      </c>
      <c r="R35" s="180"/>
      <c r="S35" s="180"/>
      <c r="T35" s="180"/>
      <c r="U35" s="180"/>
      <c r="V35" s="180"/>
      <c r="W35" s="135"/>
      <c r="X35" s="180"/>
      <c r="Y35" s="180"/>
      <c r="Z35" s="180"/>
      <c r="AA35" s="180"/>
      <c r="AB35" s="180"/>
      <c r="AC35" s="180">
        <v>1</v>
      </c>
      <c r="AD35" s="204"/>
      <c r="AE35" s="138"/>
      <c r="AF35" s="139">
        <v>5</v>
      </c>
    </row>
    <row r="36" spans="1:32" ht="16.5" customHeight="1">
      <c r="A36" s="149"/>
      <c r="B36" s="200" t="s">
        <v>68</v>
      </c>
      <c r="C36" s="162">
        <f t="shared" si="1"/>
        <v>2</v>
      </c>
      <c r="D36" s="129"/>
      <c r="E36" s="130"/>
      <c r="F36" s="130">
        <v>2</v>
      </c>
      <c r="G36" s="130"/>
      <c r="H36" s="130"/>
      <c r="I36" s="130"/>
      <c r="J36" s="130"/>
      <c r="K36" s="130"/>
      <c r="L36" s="131"/>
      <c r="M36" s="132"/>
      <c r="N36" s="149"/>
      <c r="O36" s="200" t="s">
        <v>68</v>
      </c>
      <c r="P36" s="185">
        <v>2</v>
      </c>
      <c r="Q36" s="203"/>
      <c r="R36" s="180"/>
      <c r="S36" s="180"/>
      <c r="T36" s="180"/>
      <c r="U36" s="180"/>
      <c r="V36" s="180"/>
      <c r="W36" s="180"/>
      <c r="X36" s="180"/>
      <c r="Y36" s="180"/>
      <c r="Z36" s="180"/>
      <c r="AA36" s="180"/>
      <c r="AB36" s="180"/>
      <c r="AC36" s="180"/>
      <c r="AD36" s="204"/>
      <c r="AE36" s="181"/>
      <c r="AF36" s="182">
        <v>2</v>
      </c>
    </row>
    <row r="37" spans="1:32" ht="16.5" customHeight="1">
      <c r="A37" s="149"/>
      <c r="B37" s="151" t="s">
        <v>69</v>
      </c>
      <c r="C37" s="164">
        <f t="shared" si="1"/>
        <v>17</v>
      </c>
      <c r="D37" s="142">
        <v>1</v>
      </c>
      <c r="E37" s="143">
        <v>4</v>
      </c>
      <c r="F37" s="143">
        <v>9</v>
      </c>
      <c r="G37" s="143">
        <v>1</v>
      </c>
      <c r="H37" s="143">
        <v>1</v>
      </c>
      <c r="I37" s="143">
        <v>1</v>
      </c>
      <c r="J37" s="143"/>
      <c r="K37" s="143"/>
      <c r="L37" s="144"/>
      <c r="M37" s="145"/>
      <c r="N37" s="149"/>
      <c r="O37" s="151" t="s">
        <v>69</v>
      </c>
      <c r="P37" s="165">
        <v>12</v>
      </c>
      <c r="Q37" s="153"/>
      <c r="R37" s="154"/>
      <c r="S37" s="154"/>
      <c r="T37" s="154">
        <v>1</v>
      </c>
      <c r="U37" s="154"/>
      <c r="V37" s="154">
        <v>1</v>
      </c>
      <c r="W37" s="154">
        <v>2</v>
      </c>
      <c r="X37" s="154"/>
      <c r="Y37" s="154"/>
      <c r="Z37" s="154"/>
      <c r="AA37" s="154"/>
      <c r="AB37" s="154"/>
      <c r="AC37" s="154"/>
      <c r="AD37" s="155"/>
      <c r="AE37" s="156">
        <v>2</v>
      </c>
      <c r="AF37" s="157">
        <v>6</v>
      </c>
    </row>
    <row r="38" spans="1:32" ht="16.5" customHeight="1">
      <c r="A38" s="118" t="s">
        <v>70</v>
      </c>
      <c r="B38" s="109" t="s">
        <v>44</v>
      </c>
      <c r="C38" s="56">
        <f t="shared" si="1"/>
        <v>581</v>
      </c>
      <c r="D38" s="110">
        <f t="shared" ref="D38:M38" si="9">SUM(D39:D43)</f>
        <v>39</v>
      </c>
      <c r="E38" s="111">
        <f t="shared" si="9"/>
        <v>102</v>
      </c>
      <c r="F38" s="111">
        <f t="shared" si="9"/>
        <v>228</v>
      </c>
      <c r="G38" s="111">
        <f t="shared" si="9"/>
        <v>51</v>
      </c>
      <c r="H38" s="111">
        <f t="shared" si="9"/>
        <v>41</v>
      </c>
      <c r="I38" s="111">
        <f t="shared" si="9"/>
        <v>38</v>
      </c>
      <c r="J38" s="111">
        <f t="shared" si="9"/>
        <v>27</v>
      </c>
      <c r="K38" s="111">
        <v>27</v>
      </c>
      <c r="L38" s="111">
        <f t="shared" si="9"/>
        <v>5</v>
      </c>
      <c r="M38" s="112">
        <f t="shared" si="9"/>
        <v>23</v>
      </c>
      <c r="N38" s="118" t="s">
        <v>70</v>
      </c>
      <c r="O38" s="109" t="s">
        <v>44</v>
      </c>
      <c r="P38" s="60">
        <v>219</v>
      </c>
      <c r="Q38" s="113">
        <v>3</v>
      </c>
      <c r="R38" s="114">
        <v>0</v>
      </c>
      <c r="S38" s="114">
        <v>1</v>
      </c>
      <c r="T38" s="114">
        <v>2</v>
      </c>
      <c r="U38" s="114">
        <v>1</v>
      </c>
      <c r="V38" s="114">
        <v>1</v>
      </c>
      <c r="W38" s="114">
        <v>14</v>
      </c>
      <c r="X38" s="114">
        <v>1</v>
      </c>
      <c r="Y38" s="114">
        <v>0</v>
      </c>
      <c r="Z38" s="114">
        <v>2</v>
      </c>
      <c r="AA38" s="114">
        <v>0</v>
      </c>
      <c r="AB38" s="114">
        <v>0</v>
      </c>
      <c r="AC38" s="114">
        <v>1</v>
      </c>
      <c r="AD38" s="115">
        <v>0</v>
      </c>
      <c r="AE38" s="116">
        <v>38</v>
      </c>
      <c r="AF38" s="117">
        <v>155</v>
      </c>
    </row>
    <row r="39" spans="1:32" ht="16.5" customHeight="1">
      <c r="A39" s="118"/>
      <c r="B39" s="95" t="s">
        <v>71</v>
      </c>
      <c r="C39" s="96">
        <f t="shared" si="1"/>
        <v>292</v>
      </c>
      <c r="D39" s="160">
        <v>19</v>
      </c>
      <c r="E39" s="161">
        <v>46</v>
      </c>
      <c r="F39" s="161">
        <v>126</v>
      </c>
      <c r="G39" s="161">
        <v>18</v>
      </c>
      <c r="H39" s="161">
        <v>18</v>
      </c>
      <c r="I39" s="161">
        <v>22</v>
      </c>
      <c r="J39" s="161">
        <v>13</v>
      </c>
      <c r="K39" s="161">
        <v>13</v>
      </c>
      <c r="L39" s="99">
        <v>4</v>
      </c>
      <c r="M39" s="100">
        <v>13</v>
      </c>
      <c r="N39" s="118"/>
      <c r="O39" s="95" t="s">
        <v>71</v>
      </c>
      <c r="P39" s="120">
        <v>105</v>
      </c>
      <c r="Q39" s="195">
        <v>2</v>
      </c>
      <c r="R39" s="196"/>
      <c r="S39" s="196">
        <v>1</v>
      </c>
      <c r="T39" s="196">
        <v>1</v>
      </c>
      <c r="U39" s="196">
        <v>1</v>
      </c>
      <c r="V39" s="196"/>
      <c r="W39" s="196">
        <v>6</v>
      </c>
      <c r="X39" s="196"/>
      <c r="Y39" s="196"/>
      <c r="Z39" s="196">
        <v>1</v>
      </c>
      <c r="AA39" s="196"/>
      <c r="AB39" s="196"/>
      <c r="AC39" s="196">
        <v>1</v>
      </c>
      <c r="AD39" s="197"/>
      <c r="AE39" s="198">
        <v>17</v>
      </c>
      <c r="AF39" s="199">
        <v>75</v>
      </c>
    </row>
    <row r="40" spans="1:32" ht="16.5" customHeight="1">
      <c r="A40" s="118"/>
      <c r="B40" s="127" t="s">
        <v>72</v>
      </c>
      <c r="C40" s="162">
        <f t="shared" si="1"/>
        <v>150</v>
      </c>
      <c r="D40" s="129">
        <v>12</v>
      </c>
      <c r="E40" s="130">
        <v>26</v>
      </c>
      <c r="F40" s="130">
        <v>48</v>
      </c>
      <c r="G40" s="130">
        <v>21</v>
      </c>
      <c r="H40" s="130">
        <v>14</v>
      </c>
      <c r="I40" s="130">
        <v>7</v>
      </c>
      <c r="J40" s="130">
        <v>7</v>
      </c>
      <c r="K40" s="130">
        <v>7</v>
      </c>
      <c r="L40" s="131">
        <v>1</v>
      </c>
      <c r="M40" s="132">
        <v>7</v>
      </c>
      <c r="N40" s="118"/>
      <c r="O40" s="127" t="s">
        <v>72</v>
      </c>
      <c r="P40" s="185">
        <v>59</v>
      </c>
      <c r="Q40" s="134"/>
      <c r="R40" s="135"/>
      <c r="S40" s="135"/>
      <c r="T40" s="135"/>
      <c r="U40" s="135"/>
      <c r="V40" s="135">
        <v>1</v>
      </c>
      <c r="W40" s="135">
        <v>5</v>
      </c>
      <c r="X40" s="135">
        <v>1</v>
      </c>
      <c r="Y40" s="135"/>
      <c r="Z40" s="135">
        <v>1</v>
      </c>
      <c r="AA40" s="135"/>
      <c r="AB40" s="135"/>
      <c r="AC40" s="135"/>
      <c r="AD40" s="137"/>
      <c r="AE40" s="138">
        <v>11</v>
      </c>
      <c r="AF40" s="139">
        <v>40</v>
      </c>
    </row>
    <row r="41" spans="1:32" ht="16.5" customHeight="1">
      <c r="A41" s="118"/>
      <c r="B41" s="127" t="s">
        <v>73</v>
      </c>
      <c r="C41" s="162">
        <f t="shared" si="1"/>
        <v>105</v>
      </c>
      <c r="D41" s="129">
        <v>7</v>
      </c>
      <c r="E41" s="130">
        <v>23</v>
      </c>
      <c r="F41" s="130">
        <v>46</v>
      </c>
      <c r="G41" s="130">
        <v>6</v>
      </c>
      <c r="H41" s="130">
        <v>6</v>
      </c>
      <c r="I41" s="130">
        <v>5</v>
      </c>
      <c r="J41" s="130">
        <v>5</v>
      </c>
      <c r="K41" s="130">
        <v>5</v>
      </c>
      <c r="L41" s="131"/>
      <c r="M41" s="132">
        <v>2</v>
      </c>
      <c r="N41" s="118"/>
      <c r="O41" s="127" t="s">
        <v>73</v>
      </c>
      <c r="P41" s="163">
        <v>43</v>
      </c>
      <c r="Q41" s="134">
        <v>1</v>
      </c>
      <c r="R41" s="135"/>
      <c r="S41" s="135"/>
      <c r="T41" s="135">
        <v>1</v>
      </c>
      <c r="U41" s="135"/>
      <c r="V41" s="135"/>
      <c r="W41" s="135">
        <v>2</v>
      </c>
      <c r="X41" s="135"/>
      <c r="Y41" s="135"/>
      <c r="Z41" s="135"/>
      <c r="AA41" s="135"/>
      <c r="AB41" s="135"/>
      <c r="AC41" s="135"/>
      <c r="AD41" s="137"/>
      <c r="AE41" s="138">
        <v>8</v>
      </c>
      <c r="AF41" s="139">
        <v>31</v>
      </c>
    </row>
    <row r="42" spans="1:32" ht="16.5" customHeight="1">
      <c r="A42" s="118"/>
      <c r="B42" s="127" t="s">
        <v>74</v>
      </c>
      <c r="C42" s="162">
        <f t="shared" si="1"/>
        <v>31</v>
      </c>
      <c r="D42" s="129">
        <v>1</v>
      </c>
      <c r="E42" s="130">
        <v>4</v>
      </c>
      <c r="F42" s="130">
        <v>8</v>
      </c>
      <c r="G42" s="130">
        <v>6</v>
      </c>
      <c r="H42" s="130">
        <v>3</v>
      </c>
      <c r="I42" s="130">
        <v>4</v>
      </c>
      <c r="J42" s="130">
        <v>2</v>
      </c>
      <c r="K42" s="130">
        <v>2</v>
      </c>
      <c r="L42" s="131"/>
      <c r="M42" s="132">
        <v>1</v>
      </c>
      <c r="N42" s="118"/>
      <c r="O42" s="127" t="s">
        <v>74</v>
      </c>
      <c r="P42" s="163">
        <v>12</v>
      </c>
      <c r="Q42" s="203"/>
      <c r="R42" s="180"/>
      <c r="S42" s="180"/>
      <c r="T42" s="180"/>
      <c r="U42" s="180"/>
      <c r="V42" s="180"/>
      <c r="W42" s="180">
        <v>1</v>
      </c>
      <c r="X42" s="180"/>
      <c r="Y42" s="180"/>
      <c r="Z42" s="135"/>
      <c r="AA42" s="135"/>
      <c r="AB42" s="135"/>
      <c r="AC42" s="135"/>
      <c r="AD42" s="137"/>
      <c r="AE42" s="181">
        <v>2</v>
      </c>
      <c r="AF42" s="182">
        <v>9</v>
      </c>
    </row>
    <row r="43" spans="1:32" ht="16.5" customHeight="1">
      <c r="A43" s="146"/>
      <c r="B43" s="140" t="s">
        <v>75</v>
      </c>
      <c r="C43" s="164">
        <f t="shared" si="1"/>
        <v>3</v>
      </c>
      <c r="D43" s="142"/>
      <c r="E43" s="143">
        <v>3</v>
      </c>
      <c r="F43" s="143"/>
      <c r="G43" s="143"/>
      <c r="H43" s="143"/>
      <c r="I43" s="143"/>
      <c r="J43" s="143"/>
      <c r="K43" s="143"/>
      <c r="L43" s="205"/>
      <c r="M43" s="206"/>
      <c r="N43" s="146"/>
      <c r="O43" s="140" t="s">
        <v>75</v>
      </c>
      <c r="P43" s="165">
        <v>0</v>
      </c>
      <c r="Q43" s="207"/>
      <c r="R43" s="208"/>
      <c r="S43" s="208"/>
      <c r="T43" s="208"/>
      <c r="U43" s="208"/>
      <c r="V43" s="208"/>
      <c r="W43" s="208"/>
      <c r="X43" s="208"/>
      <c r="Y43" s="208"/>
      <c r="Z43" s="208"/>
      <c r="AA43" s="208"/>
      <c r="AB43" s="208"/>
      <c r="AC43" s="208"/>
      <c r="AD43" s="209"/>
      <c r="AE43" s="210"/>
      <c r="AF43" s="211"/>
    </row>
    <row r="44" spans="1:32" ht="16.5" customHeight="1">
      <c r="A44" s="212" t="s">
        <v>76</v>
      </c>
      <c r="B44" s="109" t="s">
        <v>44</v>
      </c>
      <c r="C44" s="56">
        <f>SUM(D44:M44)</f>
        <v>322</v>
      </c>
      <c r="D44" s="110">
        <f t="shared" ref="D44:M44" si="10">SUM(D45:D46)</f>
        <v>25</v>
      </c>
      <c r="E44" s="111">
        <f t="shared" si="10"/>
        <v>41</v>
      </c>
      <c r="F44" s="111">
        <f t="shared" si="10"/>
        <v>102</v>
      </c>
      <c r="G44" s="111">
        <f t="shared" si="10"/>
        <v>40</v>
      </c>
      <c r="H44" s="111">
        <f t="shared" si="10"/>
        <v>33</v>
      </c>
      <c r="I44" s="111">
        <f t="shared" si="10"/>
        <v>28</v>
      </c>
      <c r="J44" s="111">
        <f t="shared" si="10"/>
        <v>19</v>
      </c>
      <c r="K44" s="111">
        <v>19</v>
      </c>
      <c r="L44" s="111">
        <f t="shared" si="10"/>
        <v>1</v>
      </c>
      <c r="M44" s="112">
        <f t="shared" si="10"/>
        <v>14</v>
      </c>
      <c r="N44" s="212" t="s">
        <v>76</v>
      </c>
      <c r="O44" s="109" t="s">
        <v>44</v>
      </c>
      <c r="P44" s="60">
        <v>130</v>
      </c>
      <c r="Q44" s="174">
        <v>1</v>
      </c>
      <c r="R44" s="175">
        <v>0</v>
      </c>
      <c r="S44" s="175">
        <v>1</v>
      </c>
      <c r="T44" s="175">
        <v>0</v>
      </c>
      <c r="U44" s="175">
        <v>1</v>
      </c>
      <c r="V44" s="175">
        <v>1</v>
      </c>
      <c r="W44" s="175">
        <v>15</v>
      </c>
      <c r="X44" s="175">
        <v>1</v>
      </c>
      <c r="Y44" s="175">
        <v>0</v>
      </c>
      <c r="Z44" s="175">
        <v>3</v>
      </c>
      <c r="AA44" s="175">
        <v>0</v>
      </c>
      <c r="AB44" s="175">
        <v>0</v>
      </c>
      <c r="AC44" s="175">
        <v>0</v>
      </c>
      <c r="AD44" s="176">
        <v>0</v>
      </c>
      <c r="AE44" s="177">
        <v>18</v>
      </c>
      <c r="AF44" s="178">
        <v>89</v>
      </c>
    </row>
    <row r="45" spans="1:32" ht="16.5" customHeight="1">
      <c r="A45" s="213"/>
      <c r="B45" s="95" t="s">
        <v>77</v>
      </c>
      <c r="C45" s="96">
        <f t="shared" si="1"/>
        <v>292</v>
      </c>
      <c r="D45" s="160">
        <v>21</v>
      </c>
      <c r="E45" s="161">
        <v>35</v>
      </c>
      <c r="F45" s="161">
        <v>93</v>
      </c>
      <c r="G45" s="161">
        <v>39</v>
      </c>
      <c r="H45" s="161">
        <v>30</v>
      </c>
      <c r="I45" s="161">
        <v>25</v>
      </c>
      <c r="J45" s="161">
        <v>17</v>
      </c>
      <c r="K45" s="161">
        <v>17</v>
      </c>
      <c r="L45" s="99">
        <v>1</v>
      </c>
      <c r="M45" s="100">
        <v>14</v>
      </c>
      <c r="N45" s="213"/>
      <c r="O45" s="95" t="s">
        <v>77</v>
      </c>
      <c r="P45" s="102">
        <v>115</v>
      </c>
      <c r="Q45" s="103">
        <v>1</v>
      </c>
      <c r="R45" s="104"/>
      <c r="S45" s="104">
        <v>1</v>
      </c>
      <c r="T45" s="104"/>
      <c r="U45" s="104">
        <v>1</v>
      </c>
      <c r="V45" s="104">
        <v>1</v>
      </c>
      <c r="W45" s="104">
        <v>13</v>
      </c>
      <c r="X45" s="104">
        <v>1</v>
      </c>
      <c r="Y45" s="104"/>
      <c r="Z45" s="104">
        <v>3</v>
      </c>
      <c r="AA45" s="104"/>
      <c r="AB45" s="104"/>
      <c r="AC45" s="104"/>
      <c r="AD45" s="105"/>
      <c r="AE45" s="106">
        <v>17</v>
      </c>
      <c r="AF45" s="107">
        <v>77</v>
      </c>
    </row>
    <row r="46" spans="1:32" ht="16.5" customHeight="1" thickBot="1">
      <c r="A46" s="214"/>
      <c r="B46" s="215" t="s">
        <v>78</v>
      </c>
      <c r="C46" s="216">
        <f t="shared" si="1"/>
        <v>30</v>
      </c>
      <c r="D46" s="217">
        <v>4</v>
      </c>
      <c r="E46" s="218">
        <v>6</v>
      </c>
      <c r="F46" s="218">
        <v>9</v>
      </c>
      <c r="G46" s="218">
        <v>1</v>
      </c>
      <c r="H46" s="218">
        <v>3</v>
      </c>
      <c r="I46" s="218">
        <v>3</v>
      </c>
      <c r="J46" s="218">
        <v>2</v>
      </c>
      <c r="K46" s="218">
        <v>2</v>
      </c>
      <c r="L46" s="219"/>
      <c r="M46" s="220"/>
      <c r="N46" s="214"/>
      <c r="O46" s="215" t="s">
        <v>78</v>
      </c>
      <c r="P46" s="221">
        <v>15</v>
      </c>
      <c r="Q46" s="222"/>
      <c r="R46" s="223"/>
      <c r="S46" s="223"/>
      <c r="T46" s="223"/>
      <c r="U46" s="223"/>
      <c r="V46" s="223"/>
      <c r="W46" s="223">
        <v>2</v>
      </c>
      <c r="X46" s="223"/>
      <c r="Y46" s="223"/>
      <c r="Z46" s="223"/>
      <c r="AA46" s="223"/>
      <c r="AB46" s="223"/>
      <c r="AC46" s="223"/>
      <c r="AD46" s="224"/>
      <c r="AE46" s="225">
        <v>1</v>
      </c>
      <c r="AF46" s="226">
        <v>12</v>
      </c>
    </row>
    <row r="47" spans="1:32" ht="16.5" customHeight="1">
      <c r="A47" s="227" t="s">
        <v>79</v>
      </c>
      <c r="B47" s="227"/>
      <c r="C47" s="227"/>
      <c r="D47" s="227"/>
      <c r="E47" s="227"/>
      <c r="F47" s="227"/>
      <c r="G47" s="227"/>
      <c r="H47" s="227"/>
      <c r="I47" s="227"/>
      <c r="J47" s="227"/>
      <c r="K47" s="227"/>
      <c r="L47" s="227"/>
      <c r="M47" s="227"/>
      <c r="N47" s="227" t="s">
        <v>79</v>
      </c>
      <c r="O47" s="227"/>
      <c r="P47" s="227"/>
      <c r="Q47" s="227"/>
      <c r="R47" s="227"/>
      <c r="S47" s="227"/>
      <c r="T47" s="227"/>
      <c r="U47" s="227"/>
      <c r="V47" s="227"/>
      <c r="W47" s="227"/>
      <c r="X47" s="227"/>
      <c r="Y47" s="227"/>
      <c r="Z47" s="227"/>
      <c r="AA47" s="227"/>
      <c r="AB47" s="227"/>
      <c r="AC47" s="227"/>
      <c r="AD47" s="227"/>
      <c r="AE47" s="227"/>
      <c r="AF47" s="228"/>
    </row>
  </sheetData>
  <mergeCells count="29">
    <mergeCell ref="A38:A43"/>
    <mergeCell ref="N38:N43"/>
    <mergeCell ref="A44:A46"/>
    <mergeCell ref="N44:N46"/>
    <mergeCell ref="A24:A25"/>
    <mergeCell ref="N24:N25"/>
    <mergeCell ref="A26:A30"/>
    <mergeCell ref="N26:N30"/>
    <mergeCell ref="A31:A37"/>
    <mergeCell ref="N31:N37"/>
    <mergeCell ref="A10:A11"/>
    <mergeCell ref="A12:A16"/>
    <mergeCell ref="N12:N16"/>
    <mergeCell ref="A17:A19"/>
    <mergeCell ref="N17:N19"/>
    <mergeCell ref="A20:A23"/>
    <mergeCell ref="N20:N23"/>
    <mergeCell ref="A4:B4"/>
    <mergeCell ref="N4:O4"/>
    <mergeCell ref="A5:A8"/>
    <mergeCell ref="N5:N8"/>
    <mergeCell ref="A9:B9"/>
    <mergeCell ref="N9:O9"/>
    <mergeCell ref="A2:A3"/>
    <mergeCell ref="B2:B3"/>
    <mergeCell ref="C2:M2"/>
    <mergeCell ref="N2:N3"/>
    <mergeCell ref="O2:O3"/>
    <mergeCell ref="P2:AF2"/>
  </mergeCells>
  <phoneticPr fontId="3"/>
  <pageMargins left="1.1023622047244095" right="0.70866141732283472" top="0.55118110236220474" bottom="0.35433070866141736" header="0.31496062992125984" footer="0.31496062992125984"/>
  <pageSetup paperSize="8" orientation="landscape" r:id="rId1"/>
  <colBreaks count="1" manualBreakCount="1">
    <brk id="13" max="46"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5-18</vt:lpstr>
      <vt:lpstr>'5-18'!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2-14T02:35:38Z</dcterms:created>
  <dcterms:modified xsi:type="dcterms:W3CDTF">2024-02-14T02:36:20Z</dcterms:modified>
</cp:coreProperties>
</file>